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notesMasterIdLst>
    <p:notesMasterId r:id="rId28"/>
  </p:notesMasterIdLst>
  <p:sldIdLst>
    <p:sldId id="256" r:id="rId3"/>
    <p:sldId id="398" r:id="rId4"/>
    <p:sldId id="399" r:id="rId5"/>
    <p:sldId id="400" r:id="rId6"/>
    <p:sldId id="397" r:id="rId7"/>
    <p:sldId id="378" r:id="rId8"/>
    <p:sldId id="392" r:id="rId9"/>
    <p:sldId id="375" r:id="rId10"/>
    <p:sldId id="383" r:id="rId11"/>
    <p:sldId id="393" r:id="rId12"/>
    <p:sldId id="396" r:id="rId13"/>
    <p:sldId id="394" r:id="rId14"/>
    <p:sldId id="395" r:id="rId15"/>
    <p:sldId id="401" r:id="rId16"/>
    <p:sldId id="620" r:id="rId17"/>
    <p:sldId id="624" r:id="rId18"/>
    <p:sldId id="259" r:id="rId19"/>
    <p:sldId id="391" r:id="rId20"/>
    <p:sldId id="618" r:id="rId21"/>
    <p:sldId id="322" r:id="rId22"/>
    <p:sldId id="418" r:id="rId23"/>
    <p:sldId id="621" r:id="rId24"/>
    <p:sldId id="622" r:id="rId25"/>
    <p:sldId id="623" r:id="rId26"/>
    <p:sldId id="615" r:id="rId2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C00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18" autoAdjust="0"/>
    <p:restoredTop sz="94660"/>
  </p:normalViewPr>
  <p:slideViewPr>
    <p:cSldViewPr snapToGrid="0">
      <p:cViewPr varScale="1">
        <p:scale>
          <a:sx n="68" d="100"/>
          <a:sy n="68" d="100"/>
        </p:scale>
        <p:origin x="616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tableStyles" Target="tableStyle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viewProps" Target="viewProps.xml"/></Relationships>
</file>

<file path=ppt/diagrams/_rels/data1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ibms.org/resources/ibms-mentoring-scheme/" TargetMode="External"/><Relationship Id="rId1" Type="http://schemas.openxmlformats.org/officeDocument/2006/relationships/hyperlink" Target="https://coachingandmentoring.se.leadershipacademy.nhs.uk/?_ga=2.98420575.1580491071.1655727310-98615442.1626875534" TargetMode="External"/></Relationships>
</file>

<file path=ppt/diagrams/_rels/drawing1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ibms.org/resources/ibms-mentoring-scheme/" TargetMode="External"/><Relationship Id="rId1" Type="http://schemas.openxmlformats.org/officeDocument/2006/relationships/hyperlink" Target="https://coachingandmentoring.se.leadershipacademy.nhs.uk/?_ga=2.98420575.1580491071.1655727310-98615442.1626875534" TargetMode="Externa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27B7551-9655-4373-AF1C-C247FDE7E97F}" type="doc">
      <dgm:prSet loTypeId="urn:microsoft.com/office/officeart/2005/8/layout/default" loCatId="list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GB"/>
        </a:p>
      </dgm:t>
    </dgm:pt>
    <dgm:pt modelId="{ED1280BF-2EDF-4A11-8935-A5388487FD83}">
      <dgm:prSet phldrT="[Text]"/>
      <dgm:spPr/>
      <dgm:t>
        <a:bodyPr/>
        <a:lstStyle/>
        <a:p>
          <a:r>
            <a:rPr lang="en-GB" dirty="0"/>
            <a:t>South East Leadership and Lifelong Learning Team</a:t>
          </a:r>
        </a:p>
        <a:p>
          <a:r>
            <a:rPr lang="en-GB" dirty="0">
              <a:hlinkClick xmlns:r="http://schemas.openxmlformats.org/officeDocument/2006/relationships" r:id="rId1"/>
            </a:rPr>
            <a:t>Coaching and </a:t>
          </a:r>
        </a:p>
        <a:p>
          <a:pPr>
            <a:buNone/>
          </a:pPr>
          <a:r>
            <a:rPr lang="en-GB" dirty="0">
              <a:hlinkClick xmlns:r="http://schemas.openxmlformats.org/officeDocument/2006/relationships" r:id="rId1"/>
            </a:rPr>
            <a:t>Mentoring Register</a:t>
          </a:r>
          <a:r>
            <a:rPr lang="en-GB" dirty="0"/>
            <a:t> </a:t>
          </a:r>
        </a:p>
      </dgm:t>
    </dgm:pt>
    <dgm:pt modelId="{93A61C32-0DFD-437E-8B0C-A90972828F8B}" type="parTrans" cxnId="{159F179D-1210-4035-A02D-D8A95C737DE8}">
      <dgm:prSet/>
      <dgm:spPr/>
      <dgm:t>
        <a:bodyPr/>
        <a:lstStyle/>
        <a:p>
          <a:endParaRPr lang="en-GB"/>
        </a:p>
      </dgm:t>
    </dgm:pt>
    <dgm:pt modelId="{79D9256C-BC33-4A70-B791-75BC59034B53}" type="sibTrans" cxnId="{159F179D-1210-4035-A02D-D8A95C737DE8}">
      <dgm:prSet/>
      <dgm:spPr/>
      <dgm:t>
        <a:bodyPr/>
        <a:lstStyle/>
        <a:p>
          <a:endParaRPr lang="en-GB"/>
        </a:p>
      </dgm:t>
    </dgm:pt>
    <dgm:pt modelId="{53E16E4E-FE87-4A9F-B3FF-EA8C5705CE36}">
      <dgm:prSet phldrT="[Text]"/>
      <dgm:spPr/>
      <dgm:t>
        <a:bodyPr/>
        <a:lstStyle/>
        <a:p>
          <a:r>
            <a:rPr lang="en-GB" dirty="0"/>
            <a:t>IBMS mentoring scheme</a:t>
          </a:r>
        </a:p>
        <a:p>
          <a:r>
            <a:rPr lang="en-GB" dirty="0">
              <a:hlinkClick xmlns:r="http://schemas.openxmlformats.org/officeDocument/2006/relationships" r:id="rId2"/>
            </a:rPr>
            <a:t>IBMS Mentoring Scheme - Institute of Biomedical Science</a:t>
          </a:r>
          <a:endParaRPr lang="en-GB" dirty="0"/>
        </a:p>
      </dgm:t>
    </dgm:pt>
    <dgm:pt modelId="{9B354216-FB4A-4E00-A7F9-49DC817DD6D7}" type="parTrans" cxnId="{130B5E59-717D-4FB6-8F2C-04B344D24D69}">
      <dgm:prSet/>
      <dgm:spPr/>
      <dgm:t>
        <a:bodyPr/>
        <a:lstStyle/>
        <a:p>
          <a:endParaRPr lang="en-GB"/>
        </a:p>
      </dgm:t>
    </dgm:pt>
    <dgm:pt modelId="{246429E5-FBC3-4BB3-84F3-61C21015FB97}" type="sibTrans" cxnId="{130B5E59-717D-4FB6-8F2C-04B344D24D69}">
      <dgm:prSet/>
      <dgm:spPr/>
      <dgm:t>
        <a:bodyPr/>
        <a:lstStyle/>
        <a:p>
          <a:endParaRPr lang="en-GB"/>
        </a:p>
      </dgm:t>
    </dgm:pt>
    <dgm:pt modelId="{406F8389-48A2-4BDB-9091-3E6444920F58}">
      <dgm:prSet phldrT="[Text]"/>
      <dgm:spPr/>
      <dgm:t>
        <a:bodyPr/>
        <a:lstStyle/>
        <a:p>
          <a:r>
            <a:rPr lang="en-GB" dirty="0"/>
            <a:t>Reciprocal Mentoring DGT</a:t>
          </a:r>
        </a:p>
      </dgm:t>
    </dgm:pt>
    <dgm:pt modelId="{639537A1-2EB1-49EE-A609-19FCEBF140C9}" type="parTrans" cxnId="{8674D125-79CB-4373-B601-C46E5FC7023B}">
      <dgm:prSet/>
      <dgm:spPr/>
      <dgm:t>
        <a:bodyPr/>
        <a:lstStyle/>
        <a:p>
          <a:endParaRPr lang="en-GB"/>
        </a:p>
      </dgm:t>
    </dgm:pt>
    <dgm:pt modelId="{B7D0C62B-7F1F-4468-B9D5-A470BE98C221}" type="sibTrans" cxnId="{8674D125-79CB-4373-B601-C46E5FC7023B}">
      <dgm:prSet/>
      <dgm:spPr/>
      <dgm:t>
        <a:bodyPr/>
        <a:lstStyle/>
        <a:p>
          <a:endParaRPr lang="en-GB"/>
        </a:p>
      </dgm:t>
    </dgm:pt>
    <dgm:pt modelId="{A090E476-0D6E-4418-A1B9-7A67CE5B8AC8}">
      <dgm:prSet phldrT="[Text]"/>
      <dgm:spPr/>
      <dgm:t>
        <a:bodyPr/>
        <a:lstStyle/>
        <a:p>
          <a:r>
            <a:rPr lang="en-GB" dirty="0"/>
            <a:t>Reverse Mentoring</a:t>
          </a:r>
        </a:p>
        <a:p>
          <a:r>
            <a:rPr lang="en-GB" dirty="0"/>
            <a:t>MTW</a:t>
          </a:r>
        </a:p>
      </dgm:t>
    </dgm:pt>
    <dgm:pt modelId="{72DA737B-8FC0-4E83-84FD-EDBD0D5477F0}" type="parTrans" cxnId="{5CE81D99-AE85-4CC0-AA12-B821A670D1C0}">
      <dgm:prSet/>
      <dgm:spPr/>
      <dgm:t>
        <a:bodyPr/>
        <a:lstStyle/>
        <a:p>
          <a:endParaRPr lang="en-GB"/>
        </a:p>
      </dgm:t>
    </dgm:pt>
    <dgm:pt modelId="{53B5C0EC-3F00-43AF-9827-50099B09040D}" type="sibTrans" cxnId="{5CE81D99-AE85-4CC0-AA12-B821A670D1C0}">
      <dgm:prSet/>
      <dgm:spPr/>
      <dgm:t>
        <a:bodyPr/>
        <a:lstStyle/>
        <a:p>
          <a:endParaRPr lang="en-GB"/>
        </a:p>
      </dgm:t>
    </dgm:pt>
    <dgm:pt modelId="{92923E59-38A4-4DAA-9745-3D774660157B}">
      <dgm:prSet/>
      <dgm:spPr/>
      <dgm:t>
        <a:bodyPr/>
        <a:lstStyle/>
        <a:p>
          <a:r>
            <a:rPr lang="en-GB" dirty="0"/>
            <a:t>Mentoring as part of leadership development </a:t>
          </a:r>
        </a:p>
        <a:p>
          <a:r>
            <a:rPr lang="en-GB" dirty="0"/>
            <a:t>EKHUFT</a:t>
          </a:r>
        </a:p>
      </dgm:t>
    </dgm:pt>
    <dgm:pt modelId="{8A01530A-0DF7-4D3B-A63B-ED270C506CE7}" type="parTrans" cxnId="{75E5AB6D-B549-4D6B-B944-04D708AAC22F}">
      <dgm:prSet/>
      <dgm:spPr/>
      <dgm:t>
        <a:bodyPr/>
        <a:lstStyle/>
        <a:p>
          <a:endParaRPr lang="en-GB"/>
        </a:p>
      </dgm:t>
    </dgm:pt>
    <dgm:pt modelId="{1CF14094-F5D7-434E-BAB9-C6812CF0E39C}" type="sibTrans" cxnId="{75E5AB6D-B549-4D6B-B944-04D708AAC22F}">
      <dgm:prSet/>
      <dgm:spPr/>
      <dgm:t>
        <a:bodyPr/>
        <a:lstStyle/>
        <a:p>
          <a:endParaRPr lang="en-GB"/>
        </a:p>
      </dgm:t>
    </dgm:pt>
    <dgm:pt modelId="{84AD6C67-14DE-4569-A249-8579E6DF6984}">
      <dgm:prSet/>
      <dgm:spPr/>
      <dgm:t>
        <a:bodyPr/>
        <a:lstStyle/>
        <a:p>
          <a:r>
            <a:rPr lang="en-GB" dirty="0"/>
            <a:t>Healthcare Science Network mentoring</a:t>
          </a:r>
        </a:p>
        <a:p>
          <a:r>
            <a:rPr lang="en-GB" dirty="0"/>
            <a:t>markknight@nhs.net</a:t>
          </a:r>
        </a:p>
      </dgm:t>
    </dgm:pt>
    <dgm:pt modelId="{107E6876-13C2-41EB-86A4-CCE05AA2636E}" type="parTrans" cxnId="{CD986706-A13B-4A89-A3AC-94D1043A5186}">
      <dgm:prSet/>
      <dgm:spPr/>
    </dgm:pt>
    <dgm:pt modelId="{3644BE67-DEC3-4D4D-8F81-2FDC9226A6FC}" type="sibTrans" cxnId="{CD986706-A13B-4A89-A3AC-94D1043A5186}">
      <dgm:prSet/>
      <dgm:spPr/>
    </dgm:pt>
    <dgm:pt modelId="{54451DEB-8937-4FAC-918A-EDC9C2FDFFF8}" type="pres">
      <dgm:prSet presAssocID="{927B7551-9655-4373-AF1C-C247FDE7E97F}" presName="diagram" presStyleCnt="0">
        <dgm:presLayoutVars>
          <dgm:dir/>
          <dgm:resizeHandles val="exact"/>
        </dgm:presLayoutVars>
      </dgm:prSet>
      <dgm:spPr/>
    </dgm:pt>
    <dgm:pt modelId="{A3910E52-B339-4348-8AA2-7708A7E694E7}" type="pres">
      <dgm:prSet presAssocID="{ED1280BF-2EDF-4A11-8935-A5388487FD83}" presName="node" presStyleLbl="node1" presStyleIdx="0" presStyleCnt="6" custLinFactNeighborX="0" custLinFactNeighborY="-2013">
        <dgm:presLayoutVars>
          <dgm:bulletEnabled val="1"/>
        </dgm:presLayoutVars>
      </dgm:prSet>
      <dgm:spPr/>
    </dgm:pt>
    <dgm:pt modelId="{A9EDAC69-5AFF-4CFF-8C05-F2DC091FE75D}" type="pres">
      <dgm:prSet presAssocID="{79D9256C-BC33-4A70-B791-75BC59034B53}" presName="sibTrans" presStyleCnt="0"/>
      <dgm:spPr/>
    </dgm:pt>
    <dgm:pt modelId="{D97D63DF-90E4-4E92-A656-89F2006385D8}" type="pres">
      <dgm:prSet presAssocID="{53E16E4E-FE87-4A9F-B3FF-EA8C5705CE36}" presName="node" presStyleLbl="node1" presStyleIdx="1" presStyleCnt="6" custLinFactNeighborX="-2420" custLinFactNeighborY="-2013">
        <dgm:presLayoutVars>
          <dgm:bulletEnabled val="1"/>
        </dgm:presLayoutVars>
      </dgm:prSet>
      <dgm:spPr/>
    </dgm:pt>
    <dgm:pt modelId="{0194A951-3579-4FD3-99AB-730A44AF7BA1}" type="pres">
      <dgm:prSet presAssocID="{246429E5-FBC3-4BB3-84F3-61C21015FB97}" presName="sibTrans" presStyleCnt="0"/>
      <dgm:spPr/>
    </dgm:pt>
    <dgm:pt modelId="{52266AEE-3FC4-4898-9584-DB1061EBB0C3}" type="pres">
      <dgm:prSet presAssocID="{84AD6C67-14DE-4569-A249-8579E6DF6984}" presName="node" presStyleLbl="node1" presStyleIdx="2" presStyleCnt="6">
        <dgm:presLayoutVars>
          <dgm:bulletEnabled val="1"/>
        </dgm:presLayoutVars>
      </dgm:prSet>
      <dgm:spPr/>
    </dgm:pt>
    <dgm:pt modelId="{5788B5E4-30BA-4507-9B1D-C8725AFA0C00}" type="pres">
      <dgm:prSet presAssocID="{3644BE67-DEC3-4D4D-8F81-2FDC9226A6FC}" presName="sibTrans" presStyleCnt="0"/>
      <dgm:spPr/>
    </dgm:pt>
    <dgm:pt modelId="{C6BC07B7-2F7A-411B-B47C-F2AE3F87C08D}" type="pres">
      <dgm:prSet presAssocID="{406F8389-48A2-4BDB-9091-3E6444920F58}" presName="node" presStyleLbl="node1" presStyleIdx="3" presStyleCnt="6" custLinFactY="18463" custLinFactNeighborX="-2722" custLinFactNeighborY="100000">
        <dgm:presLayoutVars>
          <dgm:bulletEnabled val="1"/>
        </dgm:presLayoutVars>
      </dgm:prSet>
      <dgm:spPr/>
    </dgm:pt>
    <dgm:pt modelId="{8015E04E-AC34-4531-96A3-F9E6712F802C}" type="pres">
      <dgm:prSet presAssocID="{B7D0C62B-7F1F-4468-B9D5-A470BE98C221}" presName="sibTrans" presStyleCnt="0"/>
      <dgm:spPr/>
    </dgm:pt>
    <dgm:pt modelId="{260A9675-A1F3-4A34-9635-A81E449A210C}" type="pres">
      <dgm:prSet presAssocID="{A090E476-0D6E-4418-A1B9-7A67CE5B8AC8}" presName="node" presStyleLbl="node1" presStyleIdx="4" presStyleCnt="6" custLinFactNeighborX="-2372" custLinFactNeighborY="-508">
        <dgm:presLayoutVars>
          <dgm:bulletEnabled val="1"/>
        </dgm:presLayoutVars>
      </dgm:prSet>
      <dgm:spPr/>
    </dgm:pt>
    <dgm:pt modelId="{91ED3353-6155-44E3-9B23-A81295D4D23E}" type="pres">
      <dgm:prSet presAssocID="{53B5C0EC-3F00-43AF-9827-50099B09040D}" presName="sibTrans" presStyleCnt="0"/>
      <dgm:spPr/>
    </dgm:pt>
    <dgm:pt modelId="{AA09E3DA-6F5F-461F-9513-314FE74A8C85}" type="pres">
      <dgm:prSet presAssocID="{92923E59-38A4-4DAA-9745-3D774660157B}" presName="node" presStyleLbl="node1" presStyleIdx="5" presStyleCnt="6" custLinFactNeighborX="0" custLinFactNeighborY="1008">
        <dgm:presLayoutVars>
          <dgm:bulletEnabled val="1"/>
        </dgm:presLayoutVars>
      </dgm:prSet>
      <dgm:spPr/>
    </dgm:pt>
  </dgm:ptLst>
  <dgm:cxnLst>
    <dgm:cxn modelId="{CD986706-A13B-4A89-A3AC-94D1043A5186}" srcId="{927B7551-9655-4373-AF1C-C247FDE7E97F}" destId="{84AD6C67-14DE-4569-A249-8579E6DF6984}" srcOrd="2" destOrd="0" parTransId="{107E6876-13C2-41EB-86A4-CCE05AA2636E}" sibTransId="{3644BE67-DEC3-4D4D-8F81-2FDC9226A6FC}"/>
    <dgm:cxn modelId="{9B87F814-D123-4B8C-990F-5F566804B4B6}" type="presOf" srcId="{ED1280BF-2EDF-4A11-8935-A5388487FD83}" destId="{A3910E52-B339-4348-8AA2-7708A7E694E7}" srcOrd="0" destOrd="0" presId="urn:microsoft.com/office/officeart/2005/8/layout/default"/>
    <dgm:cxn modelId="{027F9D18-9A6D-4DA4-A948-1C559775FCBF}" type="presOf" srcId="{92923E59-38A4-4DAA-9745-3D774660157B}" destId="{AA09E3DA-6F5F-461F-9513-314FE74A8C85}" srcOrd="0" destOrd="0" presId="urn:microsoft.com/office/officeart/2005/8/layout/default"/>
    <dgm:cxn modelId="{8674D125-79CB-4373-B601-C46E5FC7023B}" srcId="{927B7551-9655-4373-AF1C-C247FDE7E97F}" destId="{406F8389-48A2-4BDB-9091-3E6444920F58}" srcOrd="3" destOrd="0" parTransId="{639537A1-2EB1-49EE-A609-19FCEBF140C9}" sibTransId="{B7D0C62B-7F1F-4468-B9D5-A470BE98C221}"/>
    <dgm:cxn modelId="{FE9EF360-E891-4914-94FC-EAFEB2106863}" type="presOf" srcId="{927B7551-9655-4373-AF1C-C247FDE7E97F}" destId="{54451DEB-8937-4FAC-918A-EDC9C2FDFFF8}" srcOrd="0" destOrd="0" presId="urn:microsoft.com/office/officeart/2005/8/layout/default"/>
    <dgm:cxn modelId="{75E5AB6D-B549-4D6B-B944-04D708AAC22F}" srcId="{927B7551-9655-4373-AF1C-C247FDE7E97F}" destId="{92923E59-38A4-4DAA-9745-3D774660157B}" srcOrd="5" destOrd="0" parTransId="{8A01530A-0DF7-4D3B-A63B-ED270C506CE7}" sibTransId="{1CF14094-F5D7-434E-BAB9-C6812CF0E39C}"/>
    <dgm:cxn modelId="{130B5E59-717D-4FB6-8F2C-04B344D24D69}" srcId="{927B7551-9655-4373-AF1C-C247FDE7E97F}" destId="{53E16E4E-FE87-4A9F-B3FF-EA8C5705CE36}" srcOrd="1" destOrd="0" parTransId="{9B354216-FB4A-4E00-A7F9-49DC817DD6D7}" sibTransId="{246429E5-FBC3-4BB3-84F3-61C21015FB97}"/>
    <dgm:cxn modelId="{93C70E91-FBB6-4CB1-ACD6-E90B3127DB57}" type="presOf" srcId="{406F8389-48A2-4BDB-9091-3E6444920F58}" destId="{C6BC07B7-2F7A-411B-B47C-F2AE3F87C08D}" srcOrd="0" destOrd="0" presId="urn:microsoft.com/office/officeart/2005/8/layout/default"/>
    <dgm:cxn modelId="{5CE81D99-AE85-4CC0-AA12-B821A670D1C0}" srcId="{927B7551-9655-4373-AF1C-C247FDE7E97F}" destId="{A090E476-0D6E-4418-A1B9-7A67CE5B8AC8}" srcOrd="4" destOrd="0" parTransId="{72DA737B-8FC0-4E83-84FD-EDBD0D5477F0}" sibTransId="{53B5C0EC-3F00-43AF-9827-50099B09040D}"/>
    <dgm:cxn modelId="{1933EA9C-C52D-47AD-9FC3-536A1E54C596}" type="presOf" srcId="{53E16E4E-FE87-4A9F-B3FF-EA8C5705CE36}" destId="{D97D63DF-90E4-4E92-A656-89F2006385D8}" srcOrd="0" destOrd="0" presId="urn:microsoft.com/office/officeart/2005/8/layout/default"/>
    <dgm:cxn modelId="{159F179D-1210-4035-A02D-D8A95C737DE8}" srcId="{927B7551-9655-4373-AF1C-C247FDE7E97F}" destId="{ED1280BF-2EDF-4A11-8935-A5388487FD83}" srcOrd="0" destOrd="0" parTransId="{93A61C32-0DFD-437E-8B0C-A90972828F8B}" sibTransId="{79D9256C-BC33-4A70-B791-75BC59034B53}"/>
    <dgm:cxn modelId="{F25D30B3-5B59-4F5D-88C5-E55200A8782C}" type="presOf" srcId="{A090E476-0D6E-4418-A1B9-7A67CE5B8AC8}" destId="{260A9675-A1F3-4A34-9635-A81E449A210C}" srcOrd="0" destOrd="0" presId="urn:microsoft.com/office/officeart/2005/8/layout/default"/>
    <dgm:cxn modelId="{462C74DD-962F-40CD-9276-817EC9FE8117}" type="presOf" srcId="{84AD6C67-14DE-4569-A249-8579E6DF6984}" destId="{52266AEE-3FC4-4898-9584-DB1061EBB0C3}" srcOrd="0" destOrd="0" presId="urn:microsoft.com/office/officeart/2005/8/layout/default"/>
    <dgm:cxn modelId="{6715C4FE-BD89-4787-807F-1B3C6ED2DABA}" type="presParOf" srcId="{54451DEB-8937-4FAC-918A-EDC9C2FDFFF8}" destId="{A3910E52-B339-4348-8AA2-7708A7E694E7}" srcOrd="0" destOrd="0" presId="urn:microsoft.com/office/officeart/2005/8/layout/default"/>
    <dgm:cxn modelId="{6C94E371-5A25-4F94-B162-606BAAC746C5}" type="presParOf" srcId="{54451DEB-8937-4FAC-918A-EDC9C2FDFFF8}" destId="{A9EDAC69-5AFF-4CFF-8C05-F2DC091FE75D}" srcOrd="1" destOrd="0" presId="urn:microsoft.com/office/officeart/2005/8/layout/default"/>
    <dgm:cxn modelId="{B30F3E63-C17A-4819-8686-72B6199F23BD}" type="presParOf" srcId="{54451DEB-8937-4FAC-918A-EDC9C2FDFFF8}" destId="{D97D63DF-90E4-4E92-A656-89F2006385D8}" srcOrd="2" destOrd="0" presId="urn:microsoft.com/office/officeart/2005/8/layout/default"/>
    <dgm:cxn modelId="{7AFBB0D3-9718-4740-989D-E647EA03E006}" type="presParOf" srcId="{54451DEB-8937-4FAC-918A-EDC9C2FDFFF8}" destId="{0194A951-3579-4FD3-99AB-730A44AF7BA1}" srcOrd="3" destOrd="0" presId="urn:microsoft.com/office/officeart/2005/8/layout/default"/>
    <dgm:cxn modelId="{6BC27AB7-18D9-40F6-8560-E636C64C84C2}" type="presParOf" srcId="{54451DEB-8937-4FAC-918A-EDC9C2FDFFF8}" destId="{52266AEE-3FC4-4898-9584-DB1061EBB0C3}" srcOrd="4" destOrd="0" presId="urn:microsoft.com/office/officeart/2005/8/layout/default"/>
    <dgm:cxn modelId="{511FDC1D-3192-4DD0-9C0F-CEF94F817D6C}" type="presParOf" srcId="{54451DEB-8937-4FAC-918A-EDC9C2FDFFF8}" destId="{5788B5E4-30BA-4507-9B1D-C8725AFA0C00}" srcOrd="5" destOrd="0" presId="urn:microsoft.com/office/officeart/2005/8/layout/default"/>
    <dgm:cxn modelId="{BFC8CC40-FB15-43C0-876F-3DD25B483328}" type="presParOf" srcId="{54451DEB-8937-4FAC-918A-EDC9C2FDFFF8}" destId="{C6BC07B7-2F7A-411B-B47C-F2AE3F87C08D}" srcOrd="6" destOrd="0" presId="urn:microsoft.com/office/officeart/2005/8/layout/default"/>
    <dgm:cxn modelId="{C9CE6859-B3F2-42C2-8770-B3D80973A359}" type="presParOf" srcId="{54451DEB-8937-4FAC-918A-EDC9C2FDFFF8}" destId="{8015E04E-AC34-4531-96A3-F9E6712F802C}" srcOrd="7" destOrd="0" presId="urn:microsoft.com/office/officeart/2005/8/layout/default"/>
    <dgm:cxn modelId="{887D272B-829F-4E41-AEDB-03792312119D}" type="presParOf" srcId="{54451DEB-8937-4FAC-918A-EDC9C2FDFFF8}" destId="{260A9675-A1F3-4A34-9635-A81E449A210C}" srcOrd="8" destOrd="0" presId="urn:microsoft.com/office/officeart/2005/8/layout/default"/>
    <dgm:cxn modelId="{49CCF84C-CF2D-4366-B930-39910F2291F0}" type="presParOf" srcId="{54451DEB-8937-4FAC-918A-EDC9C2FDFFF8}" destId="{91ED3353-6155-44E3-9B23-A81295D4D23E}" srcOrd="9" destOrd="0" presId="urn:microsoft.com/office/officeart/2005/8/layout/default"/>
    <dgm:cxn modelId="{EF992518-CDAC-4CEC-B7B7-E94753D64B49}" type="presParOf" srcId="{54451DEB-8937-4FAC-918A-EDC9C2FDFFF8}" destId="{AA09E3DA-6F5F-461F-9513-314FE74A8C85}" srcOrd="10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3910E52-B339-4348-8AA2-7708A7E694E7}">
      <dsp:nvSpPr>
        <dsp:cNvPr id="0" name=""/>
        <dsp:cNvSpPr/>
      </dsp:nvSpPr>
      <dsp:spPr>
        <a:xfrm>
          <a:off x="0" y="0"/>
          <a:ext cx="3286125" cy="1971675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/>
            <a:t>South East Leadership and Lifelong Learning Team</a:t>
          </a:r>
        </a:p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>
              <a:hlinkClick xmlns:r="http://schemas.openxmlformats.org/officeDocument/2006/relationships" r:id="rId1"/>
            </a:rPr>
            <a:t>Coaching and </a:t>
          </a:r>
        </a:p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>
              <a:hlinkClick xmlns:r="http://schemas.openxmlformats.org/officeDocument/2006/relationships" r:id="rId1"/>
            </a:rPr>
            <a:t>Mentoring Register</a:t>
          </a:r>
          <a:r>
            <a:rPr lang="en-GB" sz="2200" kern="1200" dirty="0"/>
            <a:t> </a:t>
          </a:r>
        </a:p>
      </dsp:txBody>
      <dsp:txXfrm>
        <a:off x="0" y="0"/>
        <a:ext cx="3286125" cy="1971675"/>
      </dsp:txXfrm>
    </dsp:sp>
    <dsp:sp modelId="{D97D63DF-90E4-4E92-A656-89F2006385D8}">
      <dsp:nvSpPr>
        <dsp:cNvPr id="0" name=""/>
        <dsp:cNvSpPr/>
      </dsp:nvSpPr>
      <dsp:spPr>
        <a:xfrm>
          <a:off x="3535213" y="0"/>
          <a:ext cx="3286125" cy="1971675"/>
        </a:xfrm>
        <a:prstGeom prst="rect">
          <a:avLst/>
        </a:prstGeom>
        <a:solidFill>
          <a:schemeClr val="accent5">
            <a:hueOff val="-1351709"/>
            <a:satOff val="-3484"/>
            <a:lumOff val="-235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/>
            <a:t>IBMS mentoring scheme</a:t>
          </a:r>
        </a:p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>
              <a:hlinkClick xmlns:r="http://schemas.openxmlformats.org/officeDocument/2006/relationships" r:id="rId2"/>
            </a:rPr>
            <a:t>IBMS Mentoring Scheme - Institute of Biomedical Science</a:t>
          </a:r>
          <a:endParaRPr lang="en-GB" sz="2200" kern="1200" dirty="0"/>
        </a:p>
      </dsp:txBody>
      <dsp:txXfrm>
        <a:off x="3535213" y="0"/>
        <a:ext cx="3286125" cy="1971675"/>
      </dsp:txXfrm>
    </dsp:sp>
    <dsp:sp modelId="{52266AEE-3FC4-4898-9584-DB1061EBB0C3}">
      <dsp:nvSpPr>
        <dsp:cNvPr id="0" name=""/>
        <dsp:cNvSpPr/>
      </dsp:nvSpPr>
      <dsp:spPr>
        <a:xfrm>
          <a:off x="7229475" y="39687"/>
          <a:ext cx="3286125" cy="1971675"/>
        </a:xfrm>
        <a:prstGeom prst="rect">
          <a:avLst/>
        </a:prstGeom>
        <a:solidFill>
          <a:schemeClr val="accent5">
            <a:hueOff val="-2703417"/>
            <a:satOff val="-6968"/>
            <a:lumOff val="-4706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/>
            <a:t>Healthcare Science Network mentoring</a:t>
          </a:r>
        </a:p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/>
            <a:t>markknight@nhs.net</a:t>
          </a:r>
        </a:p>
      </dsp:txBody>
      <dsp:txXfrm>
        <a:off x="7229475" y="39687"/>
        <a:ext cx="3286125" cy="1971675"/>
      </dsp:txXfrm>
    </dsp:sp>
    <dsp:sp modelId="{C6BC07B7-2F7A-411B-B47C-F2AE3F87C08D}">
      <dsp:nvSpPr>
        <dsp:cNvPr id="0" name=""/>
        <dsp:cNvSpPr/>
      </dsp:nvSpPr>
      <dsp:spPr>
        <a:xfrm>
          <a:off x="0" y="2379663"/>
          <a:ext cx="3286125" cy="1971675"/>
        </a:xfrm>
        <a:prstGeom prst="rect">
          <a:avLst/>
        </a:prstGeom>
        <a:solidFill>
          <a:schemeClr val="accent5">
            <a:hueOff val="-4055126"/>
            <a:satOff val="-10451"/>
            <a:lumOff val="-705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/>
            <a:t>Reciprocal Mentoring DGT</a:t>
          </a:r>
        </a:p>
      </dsp:txBody>
      <dsp:txXfrm>
        <a:off x="0" y="2379663"/>
        <a:ext cx="3286125" cy="1971675"/>
      </dsp:txXfrm>
    </dsp:sp>
    <dsp:sp modelId="{260A9675-A1F3-4A34-9635-A81E449A210C}">
      <dsp:nvSpPr>
        <dsp:cNvPr id="0" name=""/>
        <dsp:cNvSpPr/>
      </dsp:nvSpPr>
      <dsp:spPr>
        <a:xfrm>
          <a:off x="3536790" y="2329959"/>
          <a:ext cx="3286125" cy="1971675"/>
        </a:xfrm>
        <a:prstGeom prst="rect">
          <a:avLst/>
        </a:prstGeom>
        <a:solidFill>
          <a:schemeClr val="accent5">
            <a:hueOff val="-5406834"/>
            <a:satOff val="-13935"/>
            <a:lumOff val="-941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/>
            <a:t>Reverse Mentoring</a:t>
          </a:r>
        </a:p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/>
            <a:t>MTW</a:t>
          </a:r>
        </a:p>
      </dsp:txBody>
      <dsp:txXfrm>
        <a:off x="3536790" y="2329959"/>
        <a:ext cx="3286125" cy="1971675"/>
      </dsp:txXfrm>
    </dsp:sp>
    <dsp:sp modelId="{AA09E3DA-6F5F-461F-9513-314FE74A8C85}">
      <dsp:nvSpPr>
        <dsp:cNvPr id="0" name=""/>
        <dsp:cNvSpPr/>
      </dsp:nvSpPr>
      <dsp:spPr>
        <a:xfrm>
          <a:off x="7229475" y="2359849"/>
          <a:ext cx="3286125" cy="1971675"/>
        </a:xfrm>
        <a:prstGeom prst="rect">
          <a:avLst/>
        </a:prstGeom>
        <a:solidFill>
          <a:schemeClr val="accent5">
            <a:hueOff val="-6758543"/>
            <a:satOff val="-17419"/>
            <a:lumOff val="-1176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/>
            <a:t>Mentoring as part of leadership development </a:t>
          </a:r>
        </a:p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200" kern="1200" dirty="0"/>
            <a:t>EKHUFT</a:t>
          </a:r>
        </a:p>
      </dsp:txBody>
      <dsp:txXfrm>
        <a:off x="7229475" y="2359849"/>
        <a:ext cx="3286125" cy="197167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369C9F4-BF2B-4A31-B498-910C52099F82}" type="datetimeFigureOut">
              <a:rPr lang="en-GB" smtClean="0"/>
              <a:t>01/11/2022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2E58A7E-5343-45F4-83EE-9ED50658542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8618516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945392-E4B3-4489-B048-A52FB8315C5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029FE29-6DDC-45AC-B24F-C7308E30E7A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B40AB68-66C8-4541-B00C-1DA8565EB1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814125-5234-46ED-9131-FBDE89641E29}" type="datetime1">
              <a:rPr lang="en-GB" smtClean="0"/>
              <a:t>01/1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99525DF-ED6D-4434-A419-B644888D59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ED9D097-046D-467F-8CC8-0D7B2A7059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492731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767F7A-5B28-48B8-89D7-D3A7AF646E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A7BFBEE-A03C-4DAD-AE00-8FA25DE3C52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C5E7AA-2512-4603-B1F5-458156947CB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AEE434-C5B3-4502-9BFD-89024BEA62FB}" type="datetime1">
              <a:rPr lang="en-GB" smtClean="0"/>
              <a:t>01/1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D431C0-ABA2-4F71-A4D6-BEFA52BED1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07EA3BA-4E5A-4109-8437-1354B11209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696234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1754C24-24EA-41BA-9034-C9209AFC0AE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01E5850-D013-45A3-AB67-4697FD67D3C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50BCA6E-BACE-4E38-B103-9F40EB8AFB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AF4B5B-B98D-4F2F-AE1F-C123CE93AFBE}" type="datetime1">
              <a:rPr lang="en-GB" smtClean="0"/>
              <a:t>01/1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475501A-888A-44BD-ADBA-0F385AFFD3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BF42ECA-F8B0-4C74-9C51-CFFE01C052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82204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22124" y="1034717"/>
            <a:ext cx="11184842" cy="4559968"/>
          </a:xfrm>
          <a:prstGeom prst="rect">
            <a:avLst/>
          </a:prstGeom>
        </p:spPr>
        <p:txBody>
          <a:bodyPr/>
          <a:lstStyle>
            <a:lvl1pPr>
              <a:buClr>
                <a:srgbClr val="BD007A"/>
              </a:buClr>
              <a:defRPr sz="2000"/>
            </a:lvl1pPr>
            <a:lvl2pPr marL="603647" indent="-232172">
              <a:buClr>
                <a:srgbClr val="BD007A"/>
              </a:buClr>
              <a:buFont typeface="Symbol" panose="05050102010706020507" pitchFamily="18" charset="2"/>
              <a:buChar char="-"/>
              <a:defRPr sz="1800"/>
            </a:lvl2pPr>
            <a:lvl3pPr marL="928688" indent="-185738">
              <a:buClr>
                <a:srgbClr val="BD007A"/>
              </a:buClr>
              <a:buFont typeface="Courier New" panose="02070309020205020404" pitchFamily="49" charset="0"/>
              <a:buChar char="o"/>
              <a:defRPr sz="1600"/>
            </a:lvl3pPr>
            <a:lvl4pPr marL="1300163" indent="-185738">
              <a:buClr>
                <a:srgbClr val="BD007A"/>
              </a:buClr>
              <a:buFont typeface="Wingdings" panose="05000000000000000000" pitchFamily="2" charset="2"/>
              <a:buChar char="§"/>
              <a:defRPr sz="1600"/>
            </a:lvl4pPr>
            <a:lvl5pPr>
              <a:buClr>
                <a:srgbClr val="BD007A"/>
              </a:buClr>
              <a:defRPr sz="160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222123" y="476769"/>
            <a:ext cx="11456748" cy="401536"/>
          </a:xfrm>
          <a:prstGeom prst="rect">
            <a:avLst/>
          </a:prstGeom>
        </p:spPr>
        <p:txBody>
          <a:bodyPr rtlCol="0">
            <a:no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21985866"/>
      </p:ext>
    </p:extLst>
  </p:cSld>
  <p:clrMapOvr>
    <a:masterClrMapping/>
  </p:clrMapOvr>
  <p:transition spd="med"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1401AD-0348-4A23-99FD-E5F2702B3A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5F4607-F325-4CA2-95C5-84A56B264DC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FA1C4B-4F36-4520-9E52-459A3525B0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7B67AB-5F7A-44EB-8021-A2003E2C63B4}" type="datetime1">
              <a:rPr lang="en-GB" smtClean="0"/>
              <a:t>01/1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233C6C-B1D7-4F4C-BC02-9377BD7E5A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C3EB2CA-576F-4251-9D1E-F5404726B2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830165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A9A849-7D8A-4317-9893-0E5B7B5AF3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E818413-0391-423D-A362-C568448983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D8CC92-06BE-47A3-BCB5-4D333266DA8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F9FE4-78D0-48CD-9DF3-7F536A63AFBC}" type="datetime1">
              <a:rPr lang="en-GB" smtClean="0"/>
              <a:t>01/1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0C8120E-DAF5-46D0-B2A1-BE96D36157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B516A57-C973-4D24-936C-53613F869E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7096750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6241ED-B45C-44F3-B208-55307A17DC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6166D8-6F3A-4169-9E79-EA24DD21ACA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E85CBA4-0A08-43E7-8A46-A473CDD51EA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7548610-855F-441A-9034-418EE40F30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E8F5C4-E7CC-48BF-93C0-BE4DF40E4F48}" type="datetime1">
              <a:rPr lang="en-GB" smtClean="0"/>
              <a:t>01/1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0B9A0A3-34E4-445E-A2F0-9C1F676586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F81A000-68F9-4946-AC95-62484487FA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3136687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D9CF1F-76C3-40F0-BA3E-B4970856A5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A797FF5-7B71-48C2-BB93-63A88CEB769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5E61F6C-E835-497B-A31C-066BC07C916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925BED2-AE09-4247-B4FA-7457F8F270D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14FCDAF-8DE6-44AF-B2AA-9A094E9057F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64B567C-8185-40ED-8FE0-9278DC1235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376A6B-A8FF-4555-9CF7-C673448CA4F7}" type="datetime1">
              <a:rPr lang="en-GB" smtClean="0"/>
              <a:t>01/11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322181B-A600-4176-A11C-0AD6CF3649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17F9B12-ED6B-48C3-8C67-AF22AF5DF1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224929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CC9C68-FBA2-4BB7-AA4B-E30C0CDF95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907F1DA-474E-451A-8A1C-17CE349A81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A11727-5374-4343-B0D3-D8A96990DB7F}" type="datetime1">
              <a:rPr lang="en-GB" smtClean="0"/>
              <a:t>01/11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EF37C54-5E3F-431F-B2AF-DF4F9CF563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041C91-01E5-48FC-9C0F-7B4655E6D4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621574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63E4D2-A176-4987-9C11-B3CC15E2A0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DE6398-EA9A-4FAC-961C-47EF596554EB}" type="datetime1">
              <a:rPr lang="en-GB" smtClean="0"/>
              <a:t>01/11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3C1A887-CF08-4348-A28A-75E9C7D517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0797614-9A76-41A8-A1F5-359D6B0C20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4119411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22FBB0-FA3E-4E36-B4F9-F81AD38D00E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1BBC63-674D-47F8-A377-A3C5899023F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C006044-AA50-4B84-8F83-A7132429CE2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F2495D6-F46D-4902-B416-34F552890C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4CD739-D1F9-4F04-A24A-08A70DA03C98}" type="datetime1">
              <a:rPr lang="en-GB" smtClean="0"/>
              <a:t>01/1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52E1475-F7AA-448A-812A-5BCD50024E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69C9CED-BDB4-4EAF-B69E-19D556FAF0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4326608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E06CA2-EE1D-4C5D-911B-3B8A509369E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9CA4D6F-9E48-4682-A214-BBC0F7566EB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91D406-0EAB-45C1-9485-DA991AB9F32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3D6607-BAF8-4781-A35A-00689DFF70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62D6E3-2BD5-4009-B962-11B394B347E1}" type="datetime1">
              <a:rPr lang="en-GB" smtClean="0"/>
              <a:t>01/11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0CA4E46-84B6-47FB-A426-3C4002916D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0864F12-093D-49F2-9423-DCD08655E0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952989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1394EBA-91AA-46C1-893C-0449E17600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AE6A38C-F8C6-488F-B129-F4FB11E317B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81CF2BB-DFDC-4B72-812F-619E37C2DFD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A4ABB5B-2497-4718-9A15-C41613A7468B}" type="datetime1">
              <a:rPr lang="en-GB" smtClean="0"/>
              <a:t>01/11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91F3862-C700-40DE-9BC9-D2023A3D4E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734DBDA-75A4-423B-BB7A-CF739B2BD27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0171FC-4578-486B-8E62-99A67BFBCB8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50430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4" descr="STP-Footer.gif">
            <a:extLst>
              <a:ext uri="{FF2B5EF4-FFF2-40B4-BE49-F238E27FC236}">
                <a16:creationId xmlns:a16="http://schemas.microsoft.com/office/drawing/2014/main" id="{7F740623-EFBB-4746-841B-65C20A62C92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764" t="76491" r="2237" b="3683"/>
          <a:stretch>
            <a:fillRect/>
          </a:stretch>
        </p:blipFill>
        <p:spPr bwMode="auto">
          <a:xfrm>
            <a:off x="10329986" y="5489576"/>
            <a:ext cx="1840523" cy="1368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7" name="Title Placeholder 1">
            <a:extLst>
              <a:ext uri="{FF2B5EF4-FFF2-40B4-BE49-F238E27FC236}">
                <a16:creationId xmlns:a16="http://schemas.microsoft.com/office/drawing/2014/main" id="{49B70661-DC1F-4E36-AB73-D94AC38FE5A7}"/>
              </a:ext>
            </a:extLst>
          </p:cNvPr>
          <p:cNvSpPr>
            <a:spLocks noGrp="1"/>
          </p:cNvSpPr>
          <p:nvPr>
            <p:ph type="title"/>
          </p:nvPr>
        </p:nvSpPr>
        <p:spPr bwMode="auto">
          <a:xfrm>
            <a:off x="242278" y="430214"/>
            <a:ext cx="10752016" cy="409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0243504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</p:sldLayoutIdLst>
  <p:transition spd="med">
    <p:fade/>
  </p:transition>
  <p:hf hdr="0" dt="0"/>
  <p:txStyles>
    <p:titleStyle>
      <a:lvl1pPr algn="l" defTabSz="371475" rtl="0" eaLnBrk="0" fontAlgn="base" hangingPunct="0">
        <a:spcBef>
          <a:spcPct val="0"/>
        </a:spcBef>
        <a:spcAft>
          <a:spcPct val="0"/>
        </a:spcAft>
        <a:defRPr sz="2200" b="1" kern="1200">
          <a:solidFill>
            <a:schemeClr val="accent1"/>
          </a:solidFill>
          <a:latin typeface="Arial"/>
          <a:ea typeface="+mj-ea"/>
          <a:cs typeface="Arial"/>
        </a:defRPr>
      </a:lvl1pPr>
      <a:lvl2pPr algn="l" defTabSz="371475" rtl="0" eaLnBrk="0" fontAlgn="base" hangingPunct="0">
        <a:spcBef>
          <a:spcPct val="0"/>
        </a:spcBef>
        <a:spcAft>
          <a:spcPct val="0"/>
        </a:spcAft>
        <a:defRPr sz="2200" b="1">
          <a:solidFill>
            <a:schemeClr val="accent1"/>
          </a:solidFill>
          <a:latin typeface="Arial" pitchFamily="34" charset="0"/>
          <a:cs typeface="Arial" pitchFamily="34" charset="0"/>
        </a:defRPr>
      </a:lvl2pPr>
      <a:lvl3pPr algn="l" defTabSz="371475" rtl="0" eaLnBrk="0" fontAlgn="base" hangingPunct="0">
        <a:spcBef>
          <a:spcPct val="0"/>
        </a:spcBef>
        <a:spcAft>
          <a:spcPct val="0"/>
        </a:spcAft>
        <a:defRPr sz="2200" b="1">
          <a:solidFill>
            <a:schemeClr val="accent1"/>
          </a:solidFill>
          <a:latin typeface="Arial" pitchFamily="34" charset="0"/>
          <a:cs typeface="Arial" pitchFamily="34" charset="0"/>
        </a:defRPr>
      </a:lvl3pPr>
      <a:lvl4pPr algn="l" defTabSz="371475" rtl="0" eaLnBrk="0" fontAlgn="base" hangingPunct="0">
        <a:spcBef>
          <a:spcPct val="0"/>
        </a:spcBef>
        <a:spcAft>
          <a:spcPct val="0"/>
        </a:spcAft>
        <a:defRPr sz="2200" b="1">
          <a:solidFill>
            <a:schemeClr val="accent1"/>
          </a:solidFill>
          <a:latin typeface="Arial" pitchFamily="34" charset="0"/>
          <a:cs typeface="Arial" pitchFamily="34" charset="0"/>
        </a:defRPr>
      </a:lvl4pPr>
      <a:lvl5pPr algn="l" defTabSz="371475" rtl="0" eaLnBrk="0" fontAlgn="base" hangingPunct="0">
        <a:spcBef>
          <a:spcPct val="0"/>
        </a:spcBef>
        <a:spcAft>
          <a:spcPct val="0"/>
        </a:spcAft>
        <a:defRPr sz="2200" b="1">
          <a:solidFill>
            <a:schemeClr val="accent1"/>
          </a:solidFill>
          <a:latin typeface="Arial" pitchFamily="34" charset="0"/>
          <a:cs typeface="Arial" pitchFamily="34" charset="0"/>
        </a:defRPr>
      </a:lvl5pPr>
      <a:lvl6pPr marL="457200" algn="l" defTabSz="371475" rtl="0" fontAlgn="base">
        <a:spcBef>
          <a:spcPct val="0"/>
        </a:spcBef>
        <a:spcAft>
          <a:spcPct val="0"/>
        </a:spcAft>
        <a:defRPr sz="2200" b="1">
          <a:solidFill>
            <a:schemeClr val="accent1"/>
          </a:solidFill>
          <a:latin typeface="Arial" pitchFamily="34" charset="0"/>
          <a:cs typeface="Arial" pitchFamily="34" charset="0"/>
        </a:defRPr>
      </a:lvl6pPr>
      <a:lvl7pPr marL="914400" algn="l" defTabSz="371475" rtl="0" fontAlgn="base">
        <a:spcBef>
          <a:spcPct val="0"/>
        </a:spcBef>
        <a:spcAft>
          <a:spcPct val="0"/>
        </a:spcAft>
        <a:defRPr sz="2200" b="1">
          <a:solidFill>
            <a:schemeClr val="accent1"/>
          </a:solidFill>
          <a:latin typeface="Arial" pitchFamily="34" charset="0"/>
          <a:cs typeface="Arial" pitchFamily="34" charset="0"/>
        </a:defRPr>
      </a:lvl7pPr>
      <a:lvl8pPr marL="1371600" algn="l" defTabSz="371475" rtl="0" fontAlgn="base">
        <a:spcBef>
          <a:spcPct val="0"/>
        </a:spcBef>
        <a:spcAft>
          <a:spcPct val="0"/>
        </a:spcAft>
        <a:defRPr sz="2200" b="1">
          <a:solidFill>
            <a:schemeClr val="accent1"/>
          </a:solidFill>
          <a:latin typeface="Arial" pitchFamily="34" charset="0"/>
          <a:cs typeface="Arial" pitchFamily="34" charset="0"/>
        </a:defRPr>
      </a:lvl8pPr>
      <a:lvl9pPr marL="1828800" algn="l" defTabSz="371475" rtl="0" fontAlgn="base">
        <a:spcBef>
          <a:spcPct val="0"/>
        </a:spcBef>
        <a:spcAft>
          <a:spcPct val="0"/>
        </a:spcAft>
        <a:defRPr sz="2200" b="1">
          <a:solidFill>
            <a:schemeClr val="accent1"/>
          </a:solidFill>
          <a:latin typeface="Arial" pitchFamily="34" charset="0"/>
          <a:cs typeface="Arial" pitchFamily="34" charset="0"/>
        </a:defRPr>
      </a:lvl9pPr>
    </p:titleStyle>
    <p:bodyStyle>
      <a:lvl1pPr marL="277813" indent="-277813" algn="l" defTabSz="371475" rtl="0" eaLnBrk="0" fontAlgn="base" hangingPunct="0">
        <a:spcBef>
          <a:spcPct val="20000"/>
        </a:spcBef>
        <a:spcAft>
          <a:spcPts val="488"/>
        </a:spcAft>
        <a:buClr>
          <a:schemeClr val="accent2"/>
        </a:buClr>
        <a:buFont typeface="Arial" panose="020B0604020202020204" pitchFamily="34" charset="0"/>
        <a:buChar char="•"/>
        <a:defRPr sz="2600" kern="1200">
          <a:solidFill>
            <a:schemeClr val="tx1"/>
          </a:solidFill>
          <a:latin typeface="Arial"/>
          <a:ea typeface="+mn-ea"/>
          <a:cs typeface="Arial"/>
        </a:defRPr>
      </a:lvl1pPr>
      <a:lvl2pPr marL="603250" indent="-231775" algn="l" defTabSz="371475" rtl="0" eaLnBrk="0" fontAlgn="base" hangingPunct="0">
        <a:spcBef>
          <a:spcPct val="20000"/>
        </a:spcBef>
        <a:spcAft>
          <a:spcPts val="488"/>
        </a:spcAft>
        <a:buClr>
          <a:schemeClr val="accent2"/>
        </a:buClr>
        <a:buFont typeface="Arial" panose="020B0604020202020204" pitchFamily="34" charset="0"/>
        <a:buChar char="•"/>
        <a:defRPr sz="2200" kern="1200">
          <a:solidFill>
            <a:schemeClr val="tx1"/>
          </a:solidFill>
          <a:latin typeface="Arial"/>
          <a:ea typeface="+mn-ea"/>
          <a:cs typeface="Arial"/>
        </a:defRPr>
      </a:lvl2pPr>
      <a:lvl3pPr marL="928688" indent="-185738" algn="l" defTabSz="371475" rtl="0" eaLnBrk="0" fontAlgn="base" hangingPunct="0">
        <a:spcBef>
          <a:spcPct val="20000"/>
        </a:spcBef>
        <a:spcAft>
          <a:spcPts val="488"/>
        </a:spcAft>
        <a:buClr>
          <a:schemeClr val="accent2"/>
        </a:buClr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Arial"/>
          <a:ea typeface="+mn-ea"/>
          <a:cs typeface="Arial"/>
        </a:defRPr>
      </a:lvl3pPr>
      <a:lvl4pPr marL="1300163" indent="-185738" algn="l" defTabSz="371475" rtl="0" eaLnBrk="0" fontAlgn="base" hangingPunct="0">
        <a:spcBef>
          <a:spcPct val="20000"/>
        </a:spcBef>
        <a:spcAft>
          <a:spcPts val="488"/>
        </a:spcAft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Arial"/>
          <a:ea typeface="+mn-ea"/>
          <a:cs typeface="Arial"/>
        </a:defRPr>
      </a:lvl4pPr>
      <a:lvl5pPr marL="1671638" indent="-185738" algn="l" defTabSz="371475" rtl="0" eaLnBrk="0" fontAlgn="base" hangingPunct="0">
        <a:spcBef>
          <a:spcPct val="20000"/>
        </a:spcBef>
        <a:spcAft>
          <a:spcPts val="488"/>
        </a:spcAft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Arial"/>
          <a:ea typeface="+mn-ea"/>
          <a:cs typeface="Arial"/>
        </a:defRPr>
      </a:lvl5pPr>
      <a:lvl6pPr marL="2043113" indent="-185738" algn="l" defTabSz="371475" rtl="0" eaLnBrk="1" latinLnBrk="0" hangingPunct="1">
        <a:spcBef>
          <a:spcPct val="20000"/>
        </a:spcBef>
        <a:buFont typeface="Arial"/>
        <a:buChar char="•"/>
        <a:defRPr sz="1625" kern="1200">
          <a:solidFill>
            <a:schemeClr val="tx1"/>
          </a:solidFill>
          <a:latin typeface="+mn-lt"/>
          <a:ea typeface="+mn-ea"/>
          <a:cs typeface="+mn-cs"/>
        </a:defRPr>
      </a:lvl6pPr>
      <a:lvl7pPr marL="2414588" indent="-185738" algn="l" defTabSz="371475" rtl="0" eaLnBrk="1" latinLnBrk="0" hangingPunct="1">
        <a:spcBef>
          <a:spcPct val="20000"/>
        </a:spcBef>
        <a:buFont typeface="Arial"/>
        <a:buChar char="•"/>
        <a:defRPr sz="1625" kern="1200">
          <a:solidFill>
            <a:schemeClr val="tx1"/>
          </a:solidFill>
          <a:latin typeface="+mn-lt"/>
          <a:ea typeface="+mn-ea"/>
          <a:cs typeface="+mn-cs"/>
        </a:defRPr>
      </a:lvl7pPr>
      <a:lvl8pPr marL="2786063" indent="-185738" algn="l" defTabSz="371475" rtl="0" eaLnBrk="1" latinLnBrk="0" hangingPunct="1">
        <a:spcBef>
          <a:spcPct val="20000"/>
        </a:spcBef>
        <a:buFont typeface="Arial"/>
        <a:buChar char="•"/>
        <a:defRPr sz="1625" kern="1200">
          <a:solidFill>
            <a:schemeClr val="tx1"/>
          </a:solidFill>
          <a:latin typeface="+mn-lt"/>
          <a:ea typeface="+mn-ea"/>
          <a:cs typeface="+mn-cs"/>
        </a:defRPr>
      </a:lvl8pPr>
      <a:lvl9pPr marL="3157538" indent="-185738" algn="l" defTabSz="371475" rtl="0" eaLnBrk="1" latinLnBrk="0" hangingPunct="1">
        <a:spcBef>
          <a:spcPct val="20000"/>
        </a:spcBef>
        <a:buFont typeface="Arial"/>
        <a:buChar char="•"/>
        <a:defRPr sz="162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371475" rtl="0" eaLnBrk="1" latinLnBrk="0" hangingPunct="1">
        <a:defRPr sz="1463" kern="1200">
          <a:solidFill>
            <a:schemeClr val="tx1"/>
          </a:solidFill>
          <a:latin typeface="+mn-lt"/>
          <a:ea typeface="+mn-ea"/>
          <a:cs typeface="+mn-cs"/>
        </a:defRPr>
      </a:lvl1pPr>
      <a:lvl2pPr marL="371475" algn="l" defTabSz="371475" rtl="0" eaLnBrk="1" latinLnBrk="0" hangingPunct="1">
        <a:defRPr sz="1463" kern="1200">
          <a:solidFill>
            <a:schemeClr val="tx1"/>
          </a:solidFill>
          <a:latin typeface="+mn-lt"/>
          <a:ea typeface="+mn-ea"/>
          <a:cs typeface="+mn-cs"/>
        </a:defRPr>
      </a:lvl2pPr>
      <a:lvl3pPr marL="742950" algn="l" defTabSz="371475" rtl="0" eaLnBrk="1" latinLnBrk="0" hangingPunct="1">
        <a:defRPr sz="1463" kern="1200">
          <a:solidFill>
            <a:schemeClr val="tx1"/>
          </a:solidFill>
          <a:latin typeface="+mn-lt"/>
          <a:ea typeface="+mn-ea"/>
          <a:cs typeface="+mn-cs"/>
        </a:defRPr>
      </a:lvl3pPr>
      <a:lvl4pPr marL="1114425" algn="l" defTabSz="371475" rtl="0" eaLnBrk="1" latinLnBrk="0" hangingPunct="1">
        <a:defRPr sz="1463" kern="1200">
          <a:solidFill>
            <a:schemeClr val="tx1"/>
          </a:solidFill>
          <a:latin typeface="+mn-lt"/>
          <a:ea typeface="+mn-ea"/>
          <a:cs typeface="+mn-cs"/>
        </a:defRPr>
      </a:lvl4pPr>
      <a:lvl5pPr marL="1485900" algn="l" defTabSz="371475" rtl="0" eaLnBrk="1" latinLnBrk="0" hangingPunct="1">
        <a:defRPr sz="1463" kern="1200">
          <a:solidFill>
            <a:schemeClr val="tx1"/>
          </a:solidFill>
          <a:latin typeface="+mn-lt"/>
          <a:ea typeface="+mn-ea"/>
          <a:cs typeface="+mn-cs"/>
        </a:defRPr>
      </a:lvl5pPr>
      <a:lvl6pPr marL="1857375" algn="l" defTabSz="371475" rtl="0" eaLnBrk="1" latinLnBrk="0" hangingPunct="1">
        <a:defRPr sz="1463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algn="l" defTabSz="371475" rtl="0" eaLnBrk="1" latinLnBrk="0" hangingPunct="1">
        <a:defRPr sz="1463" kern="1200">
          <a:solidFill>
            <a:schemeClr val="tx1"/>
          </a:solidFill>
          <a:latin typeface="+mn-lt"/>
          <a:ea typeface="+mn-ea"/>
          <a:cs typeface="+mn-cs"/>
        </a:defRPr>
      </a:lvl7pPr>
      <a:lvl8pPr marL="2600325" algn="l" defTabSz="371475" rtl="0" eaLnBrk="1" latinLnBrk="0" hangingPunct="1">
        <a:defRPr sz="1463" kern="1200">
          <a:solidFill>
            <a:schemeClr val="tx1"/>
          </a:solidFill>
          <a:latin typeface="+mn-lt"/>
          <a:ea typeface="+mn-ea"/>
          <a:cs typeface="+mn-cs"/>
        </a:defRPr>
      </a:lvl8pPr>
      <a:lvl9pPr marL="2971800" algn="l" defTabSz="371475" rtl="0" eaLnBrk="1" latinLnBrk="0" hangingPunct="1">
        <a:defRPr sz="1463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creativecommons.org/licenses/by-nc-sa/3.0/" TargetMode="External"/><Relationship Id="rId4" Type="http://schemas.openxmlformats.org/officeDocument/2006/relationships/hyperlink" Target="https://whatedsaid.wordpress.com/2016/05/15/whats-behind-the-story/" TargetMode="Externa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tags" Target="../tags/tag3.xml"/><Relationship Id="rId7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4.jpe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hyperlink" Target="https://coachingandmentoring.se.leadershipacademy.nhs.uk/?_ga=2.98420575.1580491071.1655727310-98615442.1626875534" TargetMode="Externa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www.flickr.com/photos/byrawpixel/45739295252" TargetMode="External"/><Relationship Id="rId4" Type="http://schemas.openxmlformats.org/officeDocument/2006/relationships/image" Target="../media/image5.jp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>
            <a:extLst>
              <a:ext uri="{FF2B5EF4-FFF2-40B4-BE49-F238E27FC236}">
                <a16:creationId xmlns:a16="http://schemas.microsoft.com/office/drawing/2014/main" id="{F92CE050-BCB8-49B1-8A69-D4D3663516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08991" y="4047696"/>
            <a:ext cx="9144000" cy="1655762"/>
          </a:xfrm>
        </p:spPr>
        <p:txBody>
          <a:bodyPr>
            <a:normAutofit/>
          </a:bodyPr>
          <a:lstStyle/>
          <a:p>
            <a:pPr algn="l"/>
            <a:r>
              <a:rPr lang="en-GB" b="1" dirty="0"/>
              <a:t>2</a:t>
            </a:r>
            <a:r>
              <a:rPr lang="en-GB" b="1" baseline="30000" dirty="0"/>
              <a:t>nd</a:t>
            </a:r>
            <a:r>
              <a:rPr lang="en-GB" b="1" dirty="0"/>
              <a:t> Network Virtual Conference </a:t>
            </a:r>
          </a:p>
          <a:p>
            <a:pPr algn="l"/>
            <a:r>
              <a:rPr lang="en-GB" b="1" dirty="0"/>
              <a:t>November 2</a:t>
            </a:r>
            <a:r>
              <a:rPr lang="en-GB" b="1" baseline="30000" dirty="0"/>
              <a:t>nd</a:t>
            </a:r>
            <a:r>
              <a:rPr lang="en-GB" b="1" dirty="0"/>
              <a:t> 2022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E95946A-504D-4D68-B568-64282DE9D54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3374" y="189436"/>
            <a:ext cx="2490716" cy="684947"/>
          </a:xfrm>
          <a:prstGeom prst="rect">
            <a:avLst/>
          </a:prstGeom>
        </p:spPr>
      </p:pic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5739417-C7CA-4723-98DC-D211CAF719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1</a:t>
            </a:fld>
            <a:endParaRPr lang="en-GB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460754AD-F18C-42E2-B443-9FCA36244B0C}"/>
              </a:ext>
            </a:extLst>
          </p:cNvPr>
          <p:cNvSpPr/>
          <p:nvPr/>
        </p:nvSpPr>
        <p:spPr>
          <a:xfrm>
            <a:off x="2954090" y="1154542"/>
            <a:ext cx="6016939" cy="1569660"/>
          </a:xfrm>
          <a:prstGeom prst="rect">
            <a:avLst/>
          </a:prstGeom>
          <a:noFill/>
          <a:ln>
            <a:solidFill>
              <a:srgbClr val="CC0099"/>
            </a:solidFill>
          </a:ln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GB" sz="9600" b="1" dirty="0">
                <a:ln w="22225">
                  <a:solidFill>
                    <a:schemeClr val="accent2"/>
                  </a:solidFill>
                  <a:prstDash val="solid"/>
                </a:ln>
                <a:solidFill>
                  <a:srgbClr val="CC0099"/>
                </a:solidFill>
              </a:rPr>
              <a:t>Welcome</a:t>
            </a:r>
          </a:p>
        </p:txBody>
      </p:sp>
    </p:spTree>
    <p:extLst>
      <p:ext uri="{BB962C8B-B14F-4D97-AF65-F5344CB8AC3E}">
        <p14:creationId xmlns:p14="http://schemas.microsoft.com/office/powerpoint/2010/main" val="131536018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235A46-802E-4B7C-B3F1-1A028B1341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497213"/>
            <a:ext cx="10515600" cy="1325563"/>
          </a:xfrm>
        </p:spPr>
        <p:txBody>
          <a:bodyPr/>
          <a:lstStyle/>
          <a:p>
            <a:r>
              <a:rPr lang="en-GB" b="1" dirty="0"/>
              <a:t>What is Reciprocal Mentoring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5361300-D333-4A81-AD4C-1E5721D1807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3139" y="1442852"/>
            <a:ext cx="10515600" cy="4826635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r>
              <a:rPr lang="en-GB" b="1" dirty="0"/>
              <a:t>Benefits for the mentors:</a:t>
            </a:r>
            <a:endParaRPr lang="en-GB" dirty="0"/>
          </a:p>
          <a:p>
            <a:pPr lvl="0">
              <a:lnSpc>
                <a:spcPct val="110000"/>
              </a:lnSpc>
            </a:pPr>
            <a:r>
              <a:rPr lang="en-GB" dirty="0"/>
              <a:t>Challenge from a different perspective</a:t>
            </a:r>
          </a:p>
          <a:p>
            <a:pPr lvl="0">
              <a:lnSpc>
                <a:spcPct val="110000"/>
              </a:lnSpc>
            </a:pPr>
            <a:r>
              <a:rPr lang="en-GB" dirty="0"/>
              <a:t>Increased understanding of the ways in which their behaviours, beliefs, policies and practices impact upon the lived experience of people within the Trust</a:t>
            </a:r>
          </a:p>
          <a:p>
            <a:pPr lvl="0">
              <a:lnSpc>
                <a:spcPct val="110000"/>
              </a:lnSpc>
            </a:pPr>
            <a:r>
              <a:rPr lang="en-GB" dirty="0"/>
              <a:t>Confidence in challenging beliefs and behaviours with peers and influencing decision making</a:t>
            </a:r>
          </a:p>
          <a:p>
            <a:pPr lvl="0">
              <a:lnSpc>
                <a:spcPct val="110000"/>
              </a:lnSpc>
            </a:pPr>
            <a:r>
              <a:rPr lang="en-GB" dirty="0"/>
              <a:t>Motivating others to take action that would make a change for mentees</a:t>
            </a:r>
          </a:p>
          <a:p>
            <a:pPr fontAlgn="base"/>
            <a:endParaRPr lang="en-GB" dirty="0"/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252585-90DB-4353-8422-0CA4DFF66A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10</a:t>
            </a:fld>
            <a:endParaRPr lang="en-GB"/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2E43EF93-8143-4CDC-9307-851864BD5E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9EC0E86-2352-4B45-A595-FA6C4FFBEB7F}"/>
              </a:ext>
            </a:extLst>
          </p:cNvPr>
          <p:cNvSpPr/>
          <p:nvPr/>
        </p:nvSpPr>
        <p:spPr>
          <a:xfrm>
            <a:off x="6320063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altLang="en-US" b="1" dirty="0"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0678597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235A46-802E-4B7C-B3F1-1A028B1341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497213"/>
            <a:ext cx="10515600" cy="1325563"/>
          </a:xfrm>
        </p:spPr>
        <p:txBody>
          <a:bodyPr/>
          <a:lstStyle/>
          <a:p>
            <a:r>
              <a:rPr lang="en-GB" b="1" dirty="0"/>
              <a:t>Personal Stori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5361300-D333-4A81-AD4C-1E5721D1807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3139" y="1442852"/>
            <a:ext cx="10515600" cy="4826635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r>
              <a:rPr lang="en-GB" dirty="0"/>
              <a:t>Patrick and Sonali share their </a:t>
            </a:r>
          </a:p>
          <a:p>
            <a:pPr marL="0" indent="0">
              <a:buNone/>
            </a:pPr>
            <a:r>
              <a:rPr lang="en-GB" dirty="0"/>
              <a:t>experiences of mentoring and </a:t>
            </a:r>
          </a:p>
          <a:p>
            <a:pPr marL="0" indent="0">
              <a:buNone/>
            </a:pPr>
            <a:r>
              <a:rPr lang="en-GB" dirty="0"/>
              <a:t>how their mentors </a:t>
            </a:r>
          </a:p>
          <a:p>
            <a:pPr marL="0" indent="0">
              <a:buNone/>
            </a:pPr>
            <a:r>
              <a:rPr lang="en-GB" dirty="0"/>
              <a:t>benefited as well as them</a:t>
            </a:r>
          </a:p>
          <a:p>
            <a:pPr fontAlgn="base"/>
            <a:endParaRPr lang="en-GB" dirty="0"/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252585-90DB-4353-8422-0CA4DFF66A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11</a:t>
            </a:fld>
            <a:endParaRPr lang="en-GB"/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2E43EF93-8143-4CDC-9307-851864BD5E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9EC0E86-2352-4B45-A595-FA6C4FFBEB7F}"/>
              </a:ext>
            </a:extLst>
          </p:cNvPr>
          <p:cNvSpPr/>
          <p:nvPr/>
        </p:nvSpPr>
        <p:spPr>
          <a:xfrm>
            <a:off x="6320063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altLang="en-US" b="1" dirty="0"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E7215F4-E829-4CF2-98BE-9BD4B6F0D9E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4"/>
              </a:ext>
            </a:extLst>
          </a:blip>
          <a:stretch>
            <a:fillRect/>
          </a:stretch>
        </p:blipFill>
        <p:spPr>
          <a:xfrm>
            <a:off x="5621130" y="1886757"/>
            <a:ext cx="6272695" cy="3528391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A889C547-A817-49AB-868F-307BA8CDB190}"/>
              </a:ext>
            </a:extLst>
          </p:cNvPr>
          <p:cNvSpPr txBox="1"/>
          <p:nvPr/>
        </p:nvSpPr>
        <p:spPr>
          <a:xfrm>
            <a:off x="8199782" y="5527219"/>
            <a:ext cx="3694043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900">
                <a:hlinkClick r:id="rId4" tooltip="https://whatedsaid.wordpress.com/2016/05/15/whats-behind-the-story/"/>
              </a:rPr>
              <a:t>This Photo</a:t>
            </a:r>
            <a:r>
              <a:rPr lang="en-GB" sz="900"/>
              <a:t> by Unknown Author is licensed under </a:t>
            </a:r>
            <a:r>
              <a:rPr lang="en-GB" sz="900">
                <a:hlinkClick r:id="rId5" tooltip="https://creativecommons.org/licenses/by-nc-sa/3.0/"/>
              </a:rPr>
              <a:t>CC BY-SA-NC</a:t>
            </a:r>
            <a:endParaRPr lang="en-GB" sz="900"/>
          </a:p>
        </p:txBody>
      </p:sp>
    </p:spTree>
    <p:extLst>
      <p:ext uri="{BB962C8B-B14F-4D97-AF65-F5344CB8AC3E}">
        <p14:creationId xmlns:p14="http://schemas.microsoft.com/office/powerpoint/2010/main" val="19489892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0FFD81-A257-466C-8914-E807065DD4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Proposed KMPN mentoring programm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DB1521-6431-454D-99BF-EF3BF08E380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764018"/>
          </a:xfrm>
        </p:spPr>
        <p:txBody>
          <a:bodyPr/>
          <a:lstStyle/>
          <a:p>
            <a:r>
              <a:rPr lang="en-GB" dirty="0"/>
              <a:t>Decision tree and expressions of interest with line manager agreement in December</a:t>
            </a:r>
          </a:p>
          <a:p>
            <a:r>
              <a:rPr lang="en-GB" dirty="0"/>
              <a:t>Two hour group intro on Teams in January – choice of 3 dates</a:t>
            </a:r>
          </a:p>
          <a:p>
            <a:pPr lvl="1"/>
            <a:r>
              <a:rPr lang="en-GB" dirty="0"/>
              <a:t>Identify your goals</a:t>
            </a:r>
          </a:p>
          <a:p>
            <a:pPr lvl="1"/>
            <a:r>
              <a:rPr lang="en-GB" dirty="0"/>
              <a:t>Refresh communication skills for effective mentoring on-line</a:t>
            </a:r>
          </a:p>
          <a:p>
            <a:pPr lvl="1"/>
            <a:r>
              <a:rPr lang="en-GB" dirty="0"/>
              <a:t>Reflective diary to record learning</a:t>
            </a:r>
          </a:p>
          <a:p>
            <a:r>
              <a:rPr lang="en-GB" dirty="0"/>
              <a:t>Matching, ‘chemistry’ conversation and contracts in Jan/Feb</a:t>
            </a:r>
          </a:p>
          <a:p>
            <a:r>
              <a:rPr lang="en-GB" dirty="0"/>
              <a:t>Monthly 1h mentoring sessions February to July</a:t>
            </a:r>
          </a:p>
          <a:p>
            <a:r>
              <a:rPr lang="en-GB" dirty="0"/>
              <a:t>Evaluation at start, mid point and end</a:t>
            </a:r>
          </a:p>
          <a:p>
            <a:r>
              <a:rPr lang="en-GB" dirty="0"/>
              <a:t>Your stories published on website and/or bulleti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65AB160-A1CE-4A33-A17F-CB15D37F58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082776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0FFD81-A257-466C-8914-E807065DD4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A36BD3F7-0CB5-4951-B203-A17108326F5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792896" y="353745"/>
            <a:ext cx="5817703" cy="5823218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65AB160-A1CE-4A33-A17F-CB15D37F58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8480987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>
            <a:extLst>
              <a:ext uri="{FF2B5EF4-FFF2-40B4-BE49-F238E27FC236}">
                <a16:creationId xmlns:a16="http://schemas.microsoft.com/office/drawing/2014/main" id="{F92CE050-BCB8-49B1-8A69-D4D3663516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63374" y="745435"/>
            <a:ext cx="11066017" cy="5734877"/>
          </a:xfrm>
        </p:spPr>
        <p:txBody>
          <a:bodyPr>
            <a:normAutofit fontScale="92500" lnSpcReduction="20000"/>
          </a:bodyPr>
          <a:lstStyle/>
          <a:p>
            <a:pPr algn="l"/>
            <a:endParaRPr lang="en-GB" sz="9600" b="1" dirty="0">
              <a:solidFill>
                <a:srgbClr val="CC0099"/>
              </a:solidFill>
            </a:endParaRPr>
          </a:p>
          <a:p>
            <a:pPr algn="l"/>
            <a:r>
              <a:rPr lang="en-GB" sz="9600" b="1" dirty="0">
                <a:solidFill>
                  <a:srgbClr val="CC0099"/>
                </a:solidFill>
              </a:rPr>
              <a:t>ROADSHOWS </a:t>
            </a:r>
          </a:p>
          <a:p>
            <a:pPr algn="l"/>
            <a:endParaRPr lang="en-GB" b="1" dirty="0"/>
          </a:p>
          <a:p>
            <a:pPr algn="l"/>
            <a:endParaRPr lang="en-GB" b="1" dirty="0"/>
          </a:p>
          <a:p>
            <a:pPr algn="l"/>
            <a:endParaRPr lang="en-GB" b="1" dirty="0"/>
          </a:p>
          <a:p>
            <a:pPr algn="l"/>
            <a:endParaRPr lang="en-GB" b="1" dirty="0"/>
          </a:p>
          <a:p>
            <a:pPr algn="l"/>
            <a:r>
              <a:rPr lang="en-GB" b="1" dirty="0"/>
              <a:t>Your chance to hear the latest network news and plans, </a:t>
            </a:r>
          </a:p>
          <a:p>
            <a:pPr algn="l"/>
            <a:r>
              <a:rPr lang="en-GB" b="1" dirty="0"/>
              <a:t>share your ideas on our network vision, values and </a:t>
            </a:r>
          </a:p>
          <a:p>
            <a:pPr algn="l"/>
            <a:r>
              <a:rPr lang="en-GB" b="1" dirty="0"/>
              <a:t>communications, and ask us any questions</a:t>
            </a:r>
          </a:p>
          <a:p>
            <a:pPr algn="l"/>
            <a:r>
              <a:rPr lang="en-GB" b="1" dirty="0">
                <a:solidFill>
                  <a:srgbClr val="CC0099"/>
                </a:solidFill>
              </a:rPr>
              <a:t>Malcolm Nudd, Director of Pathology Transformation </a:t>
            </a:r>
          </a:p>
          <a:p>
            <a:pPr algn="l"/>
            <a:r>
              <a:rPr lang="en-GB" b="1" dirty="0">
                <a:solidFill>
                  <a:srgbClr val="CC0099"/>
                </a:solidFill>
              </a:rPr>
              <a:t>and Amanda Price, Workforce Project Director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E95946A-504D-4D68-B568-64282DE9D54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3374" y="189436"/>
            <a:ext cx="2490716" cy="684947"/>
          </a:xfrm>
          <a:prstGeom prst="rect">
            <a:avLst/>
          </a:prstGeom>
        </p:spPr>
      </p:pic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5739417-C7CA-4723-98DC-D211CAF719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E0171FC-4578-486B-8E62-99A67BFBCB8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7794100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235A46-802E-4B7C-B3F1-1A028B1341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700413"/>
            <a:ext cx="10515600" cy="1325563"/>
          </a:xfrm>
        </p:spPr>
        <p:txBody>
          <a:bodyPr>
            <a:normAutofit/>
          </a:bodyPr>
          <a:lstStyle/>
          <a:p>
            <a:r>
              <a:rPr lang="en-GB" b="1" dirty="0"/>
              <a:t>ROADSHOW DAT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252585-90DB-4353-8422-0CA4DFF66A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E0171FC-4578-486B-8E62-99A67BFBCB8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2E43EF93-8143-4CDC-9307-851864BD5E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9EC0E86-2352-4B45-A595-FA6C4FFBEB7F}"/>
              </a:ext>
            </a:extLst>
          </p:cNvPr>
          <p:cNvSpPr/>
          <p:nvPr/>
        </p:nvSpPr>
        <p:spPr>
          <a:xfrm>
            <a:off x="6320063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FA09CF4A-569C-43F5-8ADC-DA0C6030E8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50504"/>
            <a:ext cx="10515600" cy="5098774"/>
          </a:xfrm>
        </p:spPr>
        <p:txBody>
          <a:bodyPr>
            <a:normAutofit/>
          </a:bodyPr>
          <a:lstStyle/>
          <a:p>
            <a:endParaRPr lang="en-GB" sz="3600" dirty="0"/>
          </a:p>
          <a:p>
            <a:pPr marL="0" indent="0">
              <a:buNone/>
            </a:pPr>
            <a:br>
              <a:rPr lang="en-GB" dirty="0"/>
            </a:br>
            <a:endParaRPr lang="en-GB" dirty="0"/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E7873923-6DDD-428C-9CEF-56D36BF6917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36892162"/>
              </p:ext>
            </p:extLst>
          </p:nvPr>
        </p:nvGraphicFramePr>
        <p:xfrm>
          <a:off x="755374" y="1769165"/>
          <a:ext cx="10704443" cy="469392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140339">
                  <a:extLst>
                    <a:ext uri="{9D8B030D-6E8A-4147-A177-3AD203B41FA5}">
                      <a16:colId xmlns:a16="http://schemas.microsoft.com/office/drawing/2014/main" val="2606947673"/>
                    </a:ext>
                  </a:extLst>
                </a:gridCol>
                <a:gridCol w="2140339">
                  <a:extLst>
                    <a:ext uri="{9D8B030D-6E8A-4147-A177-3AD203B41FA5}">
                      <a16:colId xmlns:a16="http://schemas.microsoft.com/office/drawing/2014/main" val="2446399674"/>
                    </a:ext>
                  </a:extLst>
                </a:gridCol>
                <a:gridCol w="2141255">
                  <a:extLst>
                    <a:ext uri="{9D8B030D-6E8A-4147-A177-3AD203B41FA5}">
                      <a16:colId xmlns:a16="http://schemas.microsoft.com/office/drawing/2014/main" val="4236571447"/>
                    </a:ext>
                  </a:extLst>
                </a:gridCol>
                <a:gridCol w="2141255">
                  <a:extLst>
                    <a:ext uri="{9D8B030D-6E8A-4147-A177-3AD203B41FA5}">
                      <a16:colId xmlns:a16="http://schemas.microsoft.com/office/drawing/2014/main" val="1010837270"/>
                    </a:ext>
                  </a:extLst>
                </a:gridCol>
                <a:gridCol w="2141255">
                  <a:extLst>
                    <a:ext uri="{9D8B030D-6E8A-4147-A177-3AD203B41FA5}">
                      <a16:colId xmlns:a16="http://schemas.microsoft.com/office/drawing/2014/main" val="1475773117"/>
                    </a:ext>
                  </a:extLst>
                </a:gridCol>
              </a:tblGrid>
              <a:tr h="402535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Day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Date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Time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Site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Speciality/ies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188151078"/>
                  </a:ext>
                </a:extLst>
              </a:tr>
              <a:tr h="402535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Tuesday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1.11.22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All day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WHH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All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21660869"/>
                  </a:ext>
                </a:extLst>
              </a:tr>
              <a:tr h="402535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Tuesday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8.11.22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am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QEQM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All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805114126"/>
                  </a:ext>
                </a:extLst>
              </a:tr>
              <a:tr h="402535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Tuesday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8.11.22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Pm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K&amp;C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All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36271653"/>
                  </a:ext>
                </a:extLst>
              </a:tr>
              <a:tr h="805070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Thursday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17.11.22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8.30-2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Maidstone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Blood Sciences</a:t>
                      </a:r>
                    </a:p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Microbiology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600188004"/>
                  </a:ext>
                </a:extLst>
              </a:tr>
              <a:tr h="402535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Wednesday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23.11.22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am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Maidstone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Cell path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112042346"/>
                  </a:ext>
                </a:extLst>
              </a:tr>
              <a:tr h="402535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Wednesday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23.11.22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pm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TW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All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23795168"/>
                  </a:ext>
                </a:extLst>
              </a:tr>
              <a:tr h="402535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TBC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Dartford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All 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005250672"/>
                  </a:ext>
                </a:extLst>
              </a:tr>
              <a:tr h="402535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</a:rPr>
                        <a:t>TBC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>
                          <a:effectLst/>
                        </a:rPr>
                        <a:t>Medway</a:t>
                      </a:r>
                      <a:endParaRPr lang="en-GB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2800" dirty="0">
                          <a:effectLst/>
                        </a:rPr>
                        <a:t>All </a:t>
                      </a:r>
                      <a:endParaRPr lang="en-GB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50212238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56984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235A46-802E-4B7C-B3F1-1A028B1341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700413"/>
            <a:ext cx="10515600" cy="1325563"/>
          </a:xfrm>
        </p:spPr>
        <p:txBody>
          <a:bodyPr>
            <a:normAutofit fontScale="90000"/>
          </a:bodyPr>
          <a:lstStyle/>
          <a:p>
            <a:r>
              <a:rPr lang="en-GB" b="1" dirty="0"/>
              <a:t>Why is a formal pathology network important for </a:t>
            </a:r>
            <a:br>
              <a:rPr lang="en-GB" b="1" dirty="0"/>
            </a:br>
            <a:r>
              <a:rPr lang="en-GB" b="1" dirty="0"/>
              <a:t>Kent and Medway?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252585-90DB-4353-8422-0CA4DFF66A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E0171FC-4578-486B-8E62-99A67BFBCB8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2E43EF93-8143-4CDC-9307-851864BD5E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9EC0E86-2352-4B45-A595-FA6C4FFBEB7F}"/>
              </a:ext>
            </a:extLst>
          </p:cNvPr>
          <p:cNvSpPr/>
          <p:nvPr/>
        </p:nvSpPr>
        <p:spPr>
          <a:xfrm>
            <a:off x="6320063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FA09CF4A-569C-43F5-8ADC-DA0C6030E8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50504"/>
            <a:ext cx="10515600" cy="5098774"/>
          </a:xfrm>
        </p:spPr>
        <p:txBody>
          <a:bodyPr>
            <a:normAutofit lnSpcReduction="10000"/>
          </a:bodyPr>
          <a:lstStyle/>
          <a:p>
            <a:endParaRPr lang="en-GB" sz="3600" dirty="0"/>
          </a:p>
          <a:p>
            <a:r>
              <a:rPr lang="en-GB" sz="3600" dirty="0"/>
              <a:t>Increase in demand and complexity</a:t>
            </a:r>
          </a:p>
          <a:p>
            <a:r>
              <a:rPr lang="en-GB" sz="3600" dirty="0"/>
              <a:t>Workforce shortages</a:t>
            </a:r>
          </a:p>
          <a:p>
            <a:r>
              <a:rPr lang="en-GB" sz="3600" dirty="0"/>
              <a:t>Lack of space</a:t>
            </a:r>
          </a:p>
          <a:p>
            <a:r>
              <a:rPr lang="en-GB" sz="3600" dirty="0"/>
              <a:t>Financial challenges as a health and care system</a:t>
            </a:r>
          </a:p>
          <a:p>
            <a:r>
              <a:rPr lang="en-GB" sz="3600" dirty="0"/>
              <a:t>Future funding focused on networks e.g. digital</a:t>
            </a:r>
          </a:p>
          <a:p>
            <a:r>
              <a:rPr lang="en-GB" sz="3600" dirty="0"/>
              <a:t>Direction of integrated care </a:t>
            </a:r>
          </a:p>
          <a:p>
            <a:pPr marL="0" indent="0">
              <a:buNone/>
            </a:pPr>
            <a:br>
              <a:rPr lang="en-GB" dirty="0"/>
            </a:b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4111918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3AD6693A-052F-4616-B985-52041FE8770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196" name="OTLSHAPE_TB_00000000000000000000000000000000_RightEndCaps" hidden="1">
            <a:extLst>
              <a:ext uri="{FF2B5EF4-FFF2-40B4-BE49-F238E27FC236}">
                <a16:creationId xmlns:a16="http://schemas.microsoft.com/office/drawing/2014/main" id="{5F30EBB3-A9C3-46EC-A9BB-CC58BF7B54DF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116" name="OTLSHAPE_TB_00000000000000000000000000000000_ElapsedTime" hidden="1">
            <a:extLst>
              <a:ext uri="{FF2B5EF4-FFF2-40B4-BE49-F238E27FC236}">
                <a16:creationId xmlns:a16="http://schemas.microsoft.com/office/drawing/2014/main" id="{3076AAC4-9488-452E-A35A-F8451768C05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34063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4" name="OTLSHAPE_TB_00000000000000000000000000000000_TodayMarkerShape" hidden="1">
            <a:extLst>
              <a:ext uri="{FF2B5EF4-FFF2-40B4-BE49-F238E27FC236}">
                <a16:creationId xmlns:a16="http://schemas.microsoft.com/office/drawing/2014/main" id="{26368918-C8D0-85AB-3130-CB491C064C5C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743715" y="59463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2" name="OTLSHAPE_TB_00000000000000000000000000000000_TodayMarkerText" hidden="1">
            <a:extLst>
              <a:ext uri="{FF2B5EF4-FFF2-40B4-BE49-F238E27FC236}">
                <a16:creationId xmlns:a16="http://schemas.microsoft.com/office/drawing/2014/main" id="{0B32531F-7054-73FD-DF36-0DC2960208F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175" name="Title 1">
            <a:extLst>
              <a:ext uri="{FF2B5EF4-FFF2-40B4-BE49-F238E27FC236}">
                <a16:creationId xmlns:a16="http://schemas.microsoft.com/office/drawing/2014/main" id="{09866ED9-FC45-58B9-A79E-307E027E6D2F}"/>
              </a:ext>
            </a:extLst>
          </p:cNvPr>
          <p:cNvSpPr txBox="1">
            <a:spLocks/>
          </p:cNvSpPr>
          <p:nvPr/>
        </p:nvSpPr>
        <p:spPr>
          <a:xfrm>
            <a:off x="838200" y="365126"/>
            <a:ext cx="10515600" cy="87100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4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j-ea"/>
                <a:cs typeface="+mj-cs"/>
              </a:rPr>
              <a:t>High-level Programme plan to Jan 2024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8FC2640-D657-4D44-DC6F-EC3A9871837C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140022" y="1126035"/>
            <a:ext cx="9266720" cy="528262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3407440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235A46-802E-4B7C-B3F1-1A028B1341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Milestones by March 2023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252585-90DB-4353-8422-0CA4DFF66A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E0171FC-4578-486B-8E62-99A67BFBCB8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2E43EF93-8143-4CDC-9307-851864BD5E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9EC0E86-2352-4B45-A595-FA6C4FFBEB7F}"/>
              </a:ext>
            </a:extLst>
          </p:cNvPr>
          <p:cNvSpPr/>
          <p:nvPr/>
        </p:nvSpPr>
        <p:spPr>
          <a:xfrm>
            <a:off x="6320063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FA09CF4A-569C-43F5-8ADC-DA0C6030E8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50504"/>
            <a:ext cx="10515600" cy="5098774"/>
          </a:xfrm>
        </p:spPr>
        <p:txBody>
          <a:bodyPr>
            <a:normAutofit fontScale="55000" lnSpcReduction="20000"/>
          </a:bodyPr>
          <a:lstStyle/>
          <a:p>
            <a:pPr>
              <a:lnSpc>
                <a:spcPct val="120000"/>
              </a:lnSpc>
            </a:pPr>
            <a:r>
              <a:rPr lang="en-GB" sz="3800" dirty="0"/>
              <a:t>Recommitment of Trust Boards to network plans</a:t>
            </a:r>
          </a:p>
          <a:p>
            <a:pPr>
              <a:lnSpc>
                <a:spcPct val="120000"/>
              </a:lnSpc>
            </a:pPr>
            <a:r>
              <a:rPr lang="en-GB" sz="3800" dirty="0"/>
              <a:t>KMPN vision for single operating model agreed</a:t>
            </a:r>
          </a:p>
          <a:p>
            <a:pPr>
              <a:lnSpc>
                <a:spcPct val="120000"/>
              </a:lnSpc>
            </a:pPr>
            <a:r>
              <a:rPr lang="en-GB" sz="3800" dirty="0"/>
              <a:t>Collaboration agreement to include decision making, matrix management and accountability including role of Trusts and ICB SROs; independence from Trusts on workforce terms and conditions and job descriptions; risk and reward to include origin of GP work; business development; common quality policy.</a:t>
            </a:r>
          </a:p>
          <a:p>
            <a:pPr>
              <a:lnSpc>
                <a:spcPct val="120000"/>
              </a:lnSpc>
            </a:pPr>
            <a:r>
              <a:rPr lang="en-GB" sz="3800" dirty="0"/>
              <a:t>Appointment of additional roles of clinical director and managing director for the network, </a:t>
            </a:r>
          </a:p>
          <a:p>
            <a:pPr>
              <a:lnSpc>
                <a:spcPct val="120000"/>
              </a:lnSpc>
            </a:pPr>
            <a:r>
              <a:rPr lang="en-GB" sz="3800" dirty="0"/>
              <a:t>Appointment of Interim quality lead and interim clinical discipline leads from existing pathology workforce</a:t>
            </a:r>
          </a:p>
          <a:p>
            <a:pPr>
              <a:lnSpc>
                <a:spcPct val="120000"/>
              </a:lnSpc>
            </a:pPr>
            <a:r>
              <a:rPr lang="en-GB" sz="3800" dirty="0"/>
              <a:t>Equality, diversity and inclusion and leadership development action plans in place</a:t>
            </a:r>
          </a:p>
          <a:p>
            <a:pPr>
              <a:lnSpc>
                <a:spcPct val="120000"/>
              </a:lnSpc>
            </a:pPr>
            <a:r>
              <a:rPr lang="en-GB" sz="3800" dirty="0"/>
              <a:t>PQAD in use on all sites, single quality policy and quality improvement programme</a:t>
            </a:r>
          </a:p>
          <a:p>
            <a:pPr marL="0" indent="0">
              <a:buNone/>
            </a:pPr>
            <a:br>
              <a:rPr lang="en-GB" dirty="0"/>
            </a:b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066973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235A46-802E-4B7C-B3F1-1A028B1341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Milestones by March 2023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252585-90DB-4353-8422-0CA4DFF66A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E0171FC-4578-486B-8E62-99A67BFBCB8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2E43EF93-8143-4CDC-9307-851864BD5E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9EC0E86-2352-4B45-A595-FA6C4FFBEB7F}"/>
              </a:ext>
            </a:extLst>
          </p:cNvPr>
          <p:cNvSpPr/>
          <p:nvPr/>
        </p:nvSpPr>
        <p:spPr>
          <a:xfrm>
            <a:off x="6320063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FA09CF4A-569C-43F5-8ADC-DA0C6030E8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4"/>
            <a:ext cx="10515600" cy="4895851"/>
          </a:xfrm>
        </p:spPr>
        <p:txBody>
          <a:bodyPr>
            <a:normAutofit/>
          </a:bodyPr>
          <a:lstStyle/>
          <a:p>
            <a:r>
              <a:rPr lang="en-GB" dirty="0"/>
              <a:t>Network brand and plan for joint recruitment</a:t>
            </a:r>
          </a:p>
          <a:p>
            <a:r>
              <a:rPr lang="en-GB" dirty="0"/>
              <a:t>Employing from a diverse pool</a:t>
            </a:r>
          </a:p>
          <a:p>
            <a:r>
              <a:rPr lang="en-GB" dirty="0"/>
              <a:t>Reciprocal mentoring programme</a:t>
            </a:r>
          </a:p>
          <a:p>
            <a:r>
              <a:rPr lang="en-GB" dirty="0"/>
              <a:t>Associate practitioner development</a:t>
            </a:r>
          </a:p>
          <a:p>
            <a:r>
              <a:rPr lang="en-GB" dirty="0"/>
              <a:t>Registration portfolio academy</a:t>
            </a:r>
          </a:p>
          <a:p>
            <a:r>
              <a:rPr lang="en-GB" dirty="0"/>
              <a:t>Identify staff for clinical career progression</a:t>
            </a:r>
          </a:p>
          <a:p>
            <a:r>
              <a:rPr lang="en-GB" dirty="0"/>
              <a:t>Pilot review of job tasks to make sure staff can work at their full set of skills and competencies</a:t>
            </a:r>
          </a:p>
          <a:p>
            <a:pPr marL="0" indent="0">
              <a:buNone/>
            </a:pPr>
            <a:br>
              <a:rPr lang="en-GB" dirty="0"/>
            </a:b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415378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83771F-AF5F-4CE9-90A5-C97232456C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Conference Programme – morning session</a:t>
            </a:r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C803C185-078A-4C13-9E6F-FDF41C25368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483750430"/>
              </p:ext>
            </p:extLst>
          </p:nvPr>
        </p:nvGraphicFramePr>
        <p:xfrm>
          <a:off x="838200" y="1343386"/>
          <a:ext cx="10585174" cy="5319086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313202">
                  <a:extLst>
                    <a:ext uri="{9D8B030D-6E8A-4147-A177-3AD203B41FA5}">
                      <a16:colId xmlns:a16="http://schemas.microsoft.com/office/drawing/2014/main" val="2915824487"/>
                    </a:ext>
                  </a:extLst>
                </a:gridCol>
                <a:gridCol w="3812076">
                  <a:extLst>
                    <a:ext uri="{9D8B030D-6E8A-4147-A177-3AD203B41FA5}">
                      <a16:colId xmlns:a16="http://schemas.microsoft.com/office/drawing/2014/main" val="3991994758"/>
                    </a:ext>
                  </a:extLst>
                </a:gridCol>
                <a:gridCol w="5459896">
                  <a:extLst>
                    <a:ext uri="{9D8B030D-6E8A-4147-A177-3AD203B41FA5}">
                      <a16:colId xmlns:a16="http://schemas.microsoft.com/office/drawing/2014/main" val="389723705"/>
                    </a:ext>
                  </a:extLst>
                </a:gridCol>
              </a:tblGrid>
              <a:tr h="119044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700" kern="1200">
                          <a:effectLst/>
                        </a:rPr>
                        <a:t>TIME</a:t>
                      </a:r>
                      <a:endParaRPr lang="en-GB" sz="6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700" kern="1200">
                          <a:effectLst/>
                        </a:rPr>
                        <a:t>TOPIC</a:t>
                      </a:r>
                      <a:endParaRPr lang="en-GB" sz="6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700" kern="1200">
                          <a:effectLst/>
                        </a:rPr>
                        <a:t>SPEAKER</a:t>
                      </a:r>
                      <a:endParaRPr lang="en-GB" sz="6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196823250"/>
                  </a:ext>
                </a:extLst>
              </a:tr>
              <a:tr h="333177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 dirty="0">
                          <a:effectLst/>
                        </a:rPr>
                        <a:t>1100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>
                          <a:effectLst/>
                        </a:rPr>
                        <a:t>Conference opening and chair for the morning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Amanda Price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Workforce Project Director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Kent and Medway Pathology Network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722552441"/>
                  </a:ext>
                </a:extLst>
              </a:tr>
              <a:tr h="333177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>
                          <a:effectLst/>
                        </a:rPr>
                        <a:t>1110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 dirty="0">
                          <a:effectLst/>
                        </a:rPr>
                        <a:t>Mentoring for leadership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Amanda Price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Workforce Project Director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Kent and Medway Pathology Network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4285254833"/>
                  </a:ext>
                </a:extLst>
              </a:tr>
              <a:tr h="546512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1135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Kent and Medway Healthcare Science Network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Mark Knight 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Strategic Healthcare Scientist 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Sonali Soysah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Integrated Training and Development Project Manager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Kent and Medway ICB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1565469870"/>
                  </a:ext>
                </a:extLst>
              </a:tr>
              <a:tr h="333177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>
                          <a:effectLst/>
                        </a:rPr>
                        <a:t>1200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 dirty="0">
                          <a:effectLst/>
                        </a:rPr>
                        <a:t>Journey to a Maturing Network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>
                          <a:effectLst/>
                        </a:rPr>
                        <a:t>Malcolm Nudd </a:t>
                      </a:r>
                      <a:endParaRPr lang="en-GB" sz="1800">
                        <a:effectLst/>
                      </a:endParaRP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>
                          <a:effectLst/>
                        </a:rPr>
                        <a:t>Director of Pathology Transformation</a:t>
                      </a:r>
                      <a:endParaRPr lang="en-GB" sz="1800">
                        <a:effectLst/>
                      </a:endParaRP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Kent and Medway Pathology Network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2095463672"/>
                  </a:ext>
                </a:extLst>
              </a:tr>
              <a:tr h="335028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1230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Neurodiversity in the workplace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Dr Jo Horne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Pathology Workforce Education Lead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Southern Counties Pathology (SCP)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4016501120"/>
                  </a:ext>
                </a:extLst>
              </a:tr>
              <a:tr h="111567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>
                          <a:effectLst/>
                        </a:rPr>
                        <a:t>1300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 gridSpan="2"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 dirty="0">
                          <a:effectLst/>
                        </a:rPr>
                        <a:t>BREAK FOR LUNCH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75217605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E439B2-A8E7-4385-B513-CACD96859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2</a:t>
            </a:fld>
            <a:endParaRPr lang="en-GB"/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729C4A35-0836-4292-BCA8-1F6C6A04DD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B03AC862-8E9F-43B8-B5D0-565B2D53DAB5}"/>
              </a:ext>
            </a:extLst>
          </p:cNvPr>
          <p:cNvSpPr/>
          <p:nvPr/>
        </p:nvSpPr>
        <p:spPr>
          <a:xfrm>
            <a:off x="6310538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altLang="en-US" b="1" dirty="0"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299467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BF06CD-D0A4-41D4-8FA1-8D234B5DEA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3200" b="1" dirty="0"/>
              <a:t>The 7 Domains that characterise a Pathology Network are:</a:t>
            </a:r>
            <a:endParaRPr lang="en-GB" dirty="0"/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74DEE5B2-DC40-49B5-9806-4B907BC98689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838200" y="1307464"/>
          <a:ext cx="10515600" cy="526605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64360">
                  <a:extLst>
                    <a:ext uri="{9D8B030D-6E8A-4147-A177-3AD203B41FA5}">
                      <a16:colId xmlns:a16="http://schemas.microsoft.com/office/drawing/2014/main" val="2367987025"/>
                    </a:ext>
                  </a:extLst>
                </a:gridCol>
                <a:gridCol w="8651240">
                  <a:extLst>
                    <a:ext uri="{9D8B030D-6E8A-4147-A177-3AD203B41FA5}">
                      <a16:colId xmlns:a16="http://schemas.microsoft.com/office/drawing/2014/main" val="3301513508"/>
                    </a:ext>
                  </a:extLst>
                </a:gridCol>
              </a:tblGrid>
              <a:tr h="894236">
                <a:tc>
                  <a:txBody>
                    <a:bodyPr/>
                    <a:lstStyle/>
                    <a:p>
                      <a:r>
                        <a:rPr lang="en-GB" dirty="0"/>
                        <a:t>Governa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600" dirty="0"/>
                        <a:t>A single governance model signed off by all network member Trust and ICS Boards, with clear clinical and operational leadership arrangements where dissolution would require Trust Board approval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51014287"/>
                  </a:ext>
                </a:extLst>
              </a:tr>
              <a:tr h="629277">
                <a:tc>
                  <a:txBody>
                    <a:bodyPr/>
                    <a:lstStyle/>
                    <a:p>
                      <a:r>
                        <a:rPr lang="en-GB" b="1" dirty="0"/>
                        <a:t>Leadershi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600" dirty="0"/>
                        <a:t>A single accountable officer appointed at network level e.g. Network SRO, and other leadership roles defined and appointed to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39827593"/>
                  </a:ext>
                </a:extLst>
              </a:tr>
              <a:tr h="629277">
                <a:tc>
                  <a:txBody>
                    <a:bodyPr/>
                    <a:lstStyle/>
                    <a:p>
                      <a:r>
                        <a:rPr lang="en-GB" b="1" dirty="0"/>
                        <a:t>Operation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600" dirty="0"/>
                        <a:t>Operational consolidation of services at agreed sites and integration into clinical pathways and business models signed off by Trust Boards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03781391"/>
                  </a:ext>
                </a:extLst>
              </a:tr>
              <a:tr h="894236">
                <a:tc>
                  <a:txBody>
                    <a:bodyPr/>
                    <a:lstStyle/>
                    <a:p>
                      <a:r>
                        <a:rPr lang="en-GB" b="1" dirty="0"/>
                        <a:t>Qualit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600" dirty="0"/>
                        <a:t>A common quality management process and methodology for oversight of performance, quality and clinical governance including working with local, regional and national systems such as PQAD and single UKAS accreditation process.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0846129"/>
                  </a:ext>
                </a:extLst>
              </a:tr>
              <a:tr h="894236">
                <a:tc>
                  <a:txBody>
                    <a:bodyPr/>
                    <a:lstStyle/>
                    <a:p>
                      <a:r>
                        <a:rPr lang="en-GB" b="1" dirty="0"/>
                        <a:t>IT and digit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600" dirty="0"/>
                        <a:t>A digital roadmap setting out how the network will achieve digital interoperability across the whole local healthcare system and digitization of cellular pathology services with shared digital pathology reporting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29076210"/>
                  </a:ext>
                </a:extLst>
              </a:tr>
              <a:tr h="629277">
                <a:tc>
                  <a:txBody>
                    <a:bodyPr/>
                    <a:lstStyle/>
                    <a:p>
                      <a:r>
                        <a:rPr lang="en-GB" b="1" dirty="0"/>
                        <a:t>Workfor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600" dirty="0"/>
                        <a:t>Agreed workforce strategy for passporting/mobility, Skill mix (including the role of clinical scientists), training and CPD and recruitment and retention, managed via a Network workforce lea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4301546"/>
                  </a:ext>
                </a:extLst>
              </a:tr>
              <a:tr h="695517">
                <a:tc>
                  <a:txBody>
                    <a:bodyPr/>
                    <a:lstStyle/>
                    <a:p>
                      <a:r>
                        <a:rPr lang="en-GB" b="1" dirty="0"/>
                        <a:t>Shared supply cha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600" dirty="0"/>
                        <a:t>A shared joint procurement strategy with robust supply chain and joint purchasing at scale for example shared Managed Service Contract across the network, or a clear process and timeline to achieve one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6769029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56350993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A67C80-EA50-4E19-B1EB-369CDC8C42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85628"/>
          </a:xfrm>
        </p:spPr>
        <p:txBody>
          <a:bodyPr/>
          <a:lstStyle/>
          <a:p>
            <a:r>
              <a:rPr lang="en-GB" b="1" dirty="0"/>
              <a:t>NHSE Maturity Index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B10CD2C-EF21-4CF6-BF92-CA30F006E4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E0171FC-4578-486B-8E62-99A67BFBCB8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53817BFF-0375-4460-A1AA-76D4EF2DFE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C3533A81-1C9C-46B9-A6A5-66ABA734506C}"/>
              </a:ext>
            </a:extLst>
          </p:cNvPr>
          <p:cNvSpPr/>
          <p:nvPr/>
        </p:nvSpPr>
        <p:spPr>
          <a:xfrm>
            <a:off x="6305550" y="312547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FA56990E-B6C8-B7F0-E56E-C33CB245C02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00797" y="1678310"/>
            <a:ext cx="9668036" cy="5115735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E2BB3F86-2CFE-47C6-8DCA-B7EEA8CB29F3}"/>
              </a:ext>
            </a:extLst>
          </p:cNvPr>
          <p:cNvSpPr txBox="1"/>
          <p:nvPr/>
        </p:nvSpPr>
        <p:spPr>
          <a:xfrm>
            <a:off x="2295656" y="1236239"/>
            <a:ext cx="1051227" cy="584775"/>
          </a:xfrm>
          <a:prstGeom prst="rect">
            <a:avLst/>
          </a:prstGeom>
          <a:solidFill>
            <a:srgbClr val="00B0F0"/>
          </a:solidFill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ere we are now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B5D9633-1318-451F-85D4-60EF76BDB8F7}"/>
              </a:ext>
            </a:extLst>
          </p:cNvPr>
          <p:cNvSpPr txBox="1"/>
          <p:nvPr/>
        </p:nvSpPr>
        <p:spPr>
          <a:xfrm>
            <a:off x="5855566" y="774743"/>
            <a:ext cx="1356616" cy="830997"/>
          </a:xfrm>
          <a:prstGeom prst="rect">
            <a:avLst/>
          </a:prstGeom>
          <a:solidFill>
            <a:srgbClr val="00B0F0"/>
          </a:solidFill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ere we need to be by March 2023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15D4635-59A1-44C3-831E-A7FDA3AF6DD0}"/>
              </a:ext>
            </a:extLst>
          </p:cNvPr>
          <p:cNvSpPr txBox="1"/>
          <p:nvPr/>
        </p:nvSpPr>
        <p:spPr>
          <a:xfrm>
            <a:off x="8680014" y="930803"/>
            <a:ext cx="1356615" cy="830997"/>
          </a:xfrm>
          <a:prstGeom prst="rect">
            <a:avLst/>
          </a:prstGeom>
          <a:solidFill>
            <a:srgbClr val="00B0F0"/>
          </a:solidFill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ere we need to be by March 2025</a:t>
            </a:r>
          </a:p>
        </p:txBody>
      </p:sp>
    </p:spTree>
    <p:extLst>
      <p:ext uri="{BB962C8B-B14F-4D97-AF65-F5344CB8AC3E}">
        <p14:creationId xmlns:p14="http://schemas.microsoft.com/office/powerpoint/2010/main" val="248903391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235A46-802E-4B7C-B3F1-1A028B1341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618771"/>
            <a:ext cx="10515600" cy="1325563"/>
          </a:xfrm>
        </p:spPr>
        <p:txBody>
          <a:bodyPr>
            <a:normAutofit/>
          </a:bodyPr>
          <a:lstStyle/>
          <a:p>
            <a:r>
              <a:rPr lang="en-GB" b="1" dirty="0">
                <a:solidFill>
                  <a:srgbClr val="005EB8"/>
                </a:solidFill>
              </a:rPr>
              <a:t>Our Developing Vision – what should this be</a:t>
            </a:r>
            <a:endParaRPr lang="en-GB" b="1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252585-90DB-4353-8422-0CA4DFF66A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E0171FC-4578-486B-8E62-99A67BFBCB8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2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2E43EF93-8143-4CDC-9307-851864BD5E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9EC0E86-2352-4B45-A595-FA6C4FFBEB7F}"/>
              </a:ext>
            </a:extLst>
          </p:cNvPr>
          <p:cNvSpPr/>
          <p:nvPr/>
        </p:nvSpPr>
        <p:spPr>
          <a:xfrm>
            <a:off x="6320063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FA09CF4A-569C-43F5-8ADC-DA0C6030E8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4"/>
            <a:ext cx="10515600" cy="4895851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GB" dirty="0">
                <a:solidFill>
                  <a:srgbClr val="005EB8"/>
                </a:solidFill>
              </a:rPr>
              <a:t>A thriving and sustainable pathology service provided by an outstanding team, enabled by  cutting edge equipment and I.T.</a:t>
            </a:r>
          </a:p>
          <a:p>
            <a:endParaRPr lang="en-GB" dirty="0">
              <a:solidFill>
                <a:srgbClr val="005EB8"/>
              </a:solidFill>
            </a:endParaRPr>
          </a:p>
          <a:p>
            <a:r>
              <a:rPr lang="en-GB" i="1" dirty="0">
                <a:solidFill>
                  <a:srgbClr val="005EB8"/>
                </a:solidFill>
              </a:rPr>
              <a:t>‘There is a place in the network for everyone’</a:t>
            </a:r>
          </a:p>
          <a:p>
            <a:pPr marL="0" indent="0">
              <a:buNone/>
            </a:pPr>
            <a:endParaRPr lang="en-GB" i="1" dirty="0">
              <a:solidFill>
                <a:srgbClr val="005EB8"/>
              </a:solidFill>
            </a:endParaRPr>
          </a:p>
          <a:p>
            <a:r>
              <a:rPr lang="en-GB" i="1" dirty="0">
                <a:solidFill>
                  <a:srgbClr val="CC0099"/>
                </a:solidFill>
              </a:rPr>
              <a:t>What about patients?</a:t>
            </a:r>
          </a:p>
          <a:p>
            <a:pPr marL="0" indent="0">
              <a:buNone/>
            </a:pPr>
            <a:br>
              <a:rPr lang="en-GB" dirty="0"/>
            </a:b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89481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235A46-802E-4B7C-B3F1-1A028B1341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br>
              <a:rPr lang="en-GB" b="1" dirty="0">
                <a:solidFill>
                  <a:srgbClr val="005EB8"/>
                </a:solidFill>
              </a:rPr>
            </a:br>
            <a:r>
              <a:rPr lang="en-GB" b="1" dirty="0">
                <a:solidFill>
                  <a:srgbClr val="005EB8"/>
                </a:solidFill>
              </a:rPr>
              <a:t>Our Values and Behaviours</a:t>
            </a:r>
            <a:br>
              <a:rPr lang="en-GB" b="1" dirty="0">
                <a:solidFill>
                  <a:srgbClr val="005EB8"/>
                </a:solidFill>
              </a:rPr>
            </a:br>
            <a:endParaRPr lang="en-GB" b="1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252585-90DB-4353-8422-0CA4DFF66A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E0171FC-4578-486B-8E62-99A67BFBCB8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2E43EF93-8143-4CDC-9307-851864BD5E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9EC0E86-2352-4B45-A595-FA6C4FFBEB7F}"/>
              </a:ext>
            </a:extLst>
          </p:cNvPr>
          <p:cNvSpPr/>
          <p:nvPr/>
        </p:nvSpPr>
        <p:spPr>
          <a:xfrm>
            <a:off x="6320063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FA09CF4A-569C-43F5-8ADC-DA0C6030E8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4"/>
            <a:ext cx="10515600" cy="4895851"/>
          </a:xfrm>
        </p:spPr>
        <p:txBody>
          <a:bodyPr>
            <a:normAutofit fontScale="77500" lnSpcReduction="20000"/>
          </a:bodyPr>
          <a:lstStyle/>
          <a:p>
            <a:pPr>
              <a:lnSpc>
                <a:spcPct val="120000"/>
              </a:lnSpc>
            </a:pPr>
            <a:r>
              <a:rPr lang="en-GB" sz="4800" dirty="0">
                <a:solidFill>
                  <a:srgbClr val="005EB8"/>
                </a:solidFill>
              </a:rPr>
              <a:t>What is your expectation of working in the network?</a:t>
            </a:r>
          </a:p>
          <a:p>
            <a:pPr>
              <a:lnSpc>
                <a:spcPct val="120000"/>
              </a:lnSpc>
            </a:pPr>
            <a:r>
              <a:rPr lang="en-GB" sz="4800" dirty="0">
                <a:solidFill>
                  <a:srgbClr val="005EB8"/>
                </a:solidFill>
              </a:rPr>
              <a:t>What are our expectations of each other working together in the network?</a:t>
            </a:r>
          </a:p>
          <a:p>
            <a:pPr>
              <a:lnSpc>
                <a:spcPct val="120000"/>
              </a:lnSpc>
            </a:pPr>
            <a:r>
              <a:rPr lang="en-GB" sz="4800" dirty="0">
                <a:solidFill>
                  <a:srgbClr val="005EB8"/>
                </a:solidFill>
              </a:rPr>
              <a:t>What do you think our patients expect?</a:t>
            </a:r>
          </a:p>
          <a:p>
            <a:pPr>
              <a:lnSpc>
                <a:spcPct val="120000"/>
              </a:lnSpc>
            </a:pPr>
            <a:r>
              <a:rPr lang="en-GB" sz="4800" dirty="0">
                <a:solidFill>
                  <a:srgbClr val="005EB8"/>
                </a:solidFill>
              </a:rPr>
              <a:t>What do you think the wider Kent and Medway health and care system expects?</a:t>
            </a:r>
          </a:p>
          <a:p>
            <a:pPr marL="0" indent="0">
              <a:buNone/>
            </a:pPr>
            <a:br>
              <a:rPr lang="en-GB" dirty="0"/>
            </a:b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8636743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235A46-802E-4B7C-B3F1-1A028B1341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Communications</a:t>
            </a:r>
          </a:p>
        </p:txBody>
      </p:sp>
      <p:graphicFrame>
        <p:nvGraphicFramePr>
          <p:cNvPr id="8" name="Content Placeholder 7">
            <a:extLst>
              <a:ext uri="{FF2B5EF4-FFF2-40B4-BE49-F238E27FC236}">
                <a16:creationId xmlns:a16="http://schemas.microsoft.com/office/drawing/2014/main" id="{27513514-0440-4931-937D-007DAF66FAEC}"/>
              </a:ext>
            </a:extLst>
          </p:cNvPr>
          <p:cNvGraphicFramePr>
            <a:graphicFrameLocks noGrp="1"/>
          </p:cNvGraphicFramePr>
          <p:nvPr>
            <p:ph idx="1"/>
            <p:extLst/>
          </p:nvPr>
        </p:nvGraphicFramePr>
        <p:xfrm>
          <a:off x="752475" y="1443037"/>
          <a:ext cx="10515600" cy="504983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28900">
                  <a:extLst>
                    <a:ext uri="{9D8B030D-6E8A-4147-A177-3AD203B41FA5}">
                      <a16:colId xmlns:a16="http://schemas.microsoft.com/office/drawing/2014/main" val="323420187"/>
                    </a:ext>
                  </a:extLst>
                </a:gridCol>
                <a:gridCol w="2628900">
                  <a:extLst>
                    <a:ext uri="{9D8B030D-6E8A-4147-A177-3AD203B41FA5}">
                      <a16:colId xmlns:a16="http://schemas.microsoft.com/office/drawing/2014/main" val="2065169222"/>
                    </a:ext>
                  </a:extLst>
                </a:gridCol>
                <a:gridCol w="2628900">
                  <a:extLst>
                    <a:ext uri="{9D8B030D-6E8A-4147-A177-3AD203B41FA5}">
                      <a16:colId xmlns:a16="http://schemas.microsoft.com/office/drawing/2014/main" val="820935161"/>
                    </a:ext>
                  </a:extLst>
                </a:gridCol>
                <a:gridCol w="2628900">
                  <a:extLst>
                    <a:ext uri="{9D8B030D-6E8A-4147-A177-3AD203B41FA5}">
                      <a16:colId xmlns:a16="http://schemas.microsoft.com/office/drawing/2014/main" val="47574824"/>
                    </a:ext>
                  </a:extLst>
                </a:gridCol>
              </a:tblGrid>
              <a:tr h="1666831">
                <a:tc>
                  <a:txBody>
                    <a:bodyPr/>
                    <a:lstStyle/>
                    <a:p>
                      <a:endParaRPr lang="en-GB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CONTINUE</a:t>
                      </a:r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START</a:t>
                      </a:r>
                    </a:p>
                  </a:txBody>
                  <a:tcPr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STOP</a:t>
                      </a:r>
                    </a:p>
                  </a:txBody>
                  <a:tcPr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66610487"/>
                  </a:ext>
                </a:extLst>
              </a:tr>
              <a:tr h="1716176">
                <a:tc>
                  <a:txBody>
                    <a:bodyPr/>
                    <a:lstStyle/>
                    <a:p>
                      <a:r>
                        <a:rPr lang="en-GB" b="1" dirty="0"/>
                        <a:t>Internal comms (pathology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70426200"/>
                  </a:ext>
                </a:extLst>
              </a:tr>
              <a:tr h="1666831">
                <a:tc>
                  <a:txBody>
                    <a:bodyPr/>
                    <a:lstStyle/>
                    <a:p>
                      <a:r>
                        <a:rPr lang="en-GB" b="1" dirty="0"/>
                        <a:t>External comm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54989628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252585-90DB-4353-8422-0CA4DFF66A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9E0171FC-4578-486B-8E62-99A67BFBCB8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2E43EF93-8143-4CDC-9307-851864BD5E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9EC0E86-2352-4B45-A595-FA6C4FFBEB7F}"/>
              </a:ext>
            </a:extLst>
          </p:cNvPr>
          <p:cNvSpPr/>
          <p:nvPr/>
        </p:nvSpPr>
        <p:spPr>
          <a:xfrm>
            <a:off x="6320063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alt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5390803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267" name="Picture 4">
            <a:extLst>
              <a:ext uri="{FF2B5EF4-FFF2-40B4-BE49-F238E27FC236}">
                <a16:creationId xmlns:a16="http://schemas.microsoft.com/office/drawing/2014/main" id="{78951F4D-5C03-4B5E-A2E9-A9AC9EA1EA31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52738" y="136525"/>
            <a:ext cx="6432550" cy="6432550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079775243"/>
      </p:ext>
    </p:extLst>
  </p:cSld>
  <p:clrMapOvr>
    <a:masterClrMapping/>
  </p:clrMapOvr>
  <p:transition spd="med"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83771F-AF5F-4CE9-90A5-C97232456C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Conference Programme – afternoon session</a:t>
            </a:r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C803C185-078A-4C13-9E6F-FDF41C25368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532696155"/>
              </p:ext>
            </p:extLst>
          </p:nvPr>
        </p:nvGraphicFramePr>
        <p:xfrm>
          <a:off x="670397" y="1379369"/>
          <a:ext cx="10515599" cy="5184618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304570">
                  <a:extLst>
                    <a:ext uri="{9D8B030D-6E8A-4147-A177-3AD203B41FA5}">
                      <a16:colId xmlns:a16="http://schemas.microsoft.com/office/drawing/2014/main" val="2915824487"/>
                    </a:ext>
                  </a:extLst>
                </a:gridCol>
                <a:gridCol w="3346943">
                  <a:extLst>
                    <a:ext uri="{9D8B030D-6E8A-4147-A177-3AD203B41FA5}">
                      <a16:colId xmlns:a16="http://schemas.microsoft.com/office/drawing/2014/main" val="3991994758"/>
                    </a:ext>
                  </a:extLst>
                </a:gridCol>
                <a:gridCol w="5864086">
                  <a:extLst>
                    <a:ext uri="{9D8B030D-6E8A-4147-A177-3AD203B41FA5}">
                      <a16:colId xmlns:a16="http://schemas.microsoft.com/office/drawing/2014/main" val="2162675914"/>
                    </a:ext>
                  </a:extLst>
                </a:gridCol>
              </a:tblGrid>
              <a:tr h="277455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600" kern="1200">
                          <a:effectLst/>
                        </a:rPr>
                        <a:t>TIME</a:t>
                      </a:r>
                      <a:endParaRPr lang="en-GB" sz="16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600" kern="1200" dirty="0">
                          <a:effectLst/>
                        </a:rPr>
                        <a:t>TOPIC</a:t>
                      </a:r>
                      <a:endParaRPr lang="en-GB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r>
                        <a:rPr lang="en-GB" sz="1600" kern="1200" dirty="0">
                          <a:effectLst/>
                        </a:rPr>
                        <a:t>SPEAKER</a:t>
                      </a:r>
                      <a:endParaRPr lang="en-GB" dirty="0"/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3977150162"/>
                  </a:ext>
                </a:extLst>
              </a:tr>
              <a:tr h="473865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>
                          <a:effectLst/>
                        </a:rPr>
                        <a:t>1330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 dirty="0">
                          <a:effectLst/>
                        </a:rPr>
                        <a:t>Chair for the afternoon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>
                          <a:effectLst/>
                        </a:rPr>
                        <a:t>Catherine Lorenzen</a:t>
                      </a:r>
                      <a:endParaRPr lang="en-GB" sz="1800">
                        <a:effectLst/>
                      </a:endParaRP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>
                          <a:effectLst/>
                        </a:rPr>
                        <a:t>Education and Training Coordinator</a:t>
                      </a:r>
                      <a:endParaRPr lang="en-GB" sz="1800"/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622354289"/>
                  </a:ext>
                </a:extLst>
              </a:tr>
              <a:tr h="678629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1330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197" marR="39197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Making the change from CAT to Capture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197" marR="39197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Sue Mitchell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Chief Biomedical Scientist, Blood Transfusion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EKHUFT</a:t>
                      </a:r>
                      <a:endParaRPr lang="en-GB" sz="1800"/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4261229878"/>
                  </a:ext>
                </a:extLst>
              </a:tr>
              <a:tr h="473865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1350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197" marR="39197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icrobiomes of Urine &amp; the Prostate are Linked to Human Prostate Cancer Risk Groups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197" marR="39197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Emma </a:t>
                      </a:r>
                      <a:r>
                        <a:rPr lang="en-GB" sz="1800" dirty="0" err="1">
                          <a:effectLst/>
                        </a:rPr>
                        <a:t>Meader</a:t>
                      </a:r>
                      <a:r>
                        <a:rPr lang="en-GB" sz="1800" dirty="0">
                          <a:effectLst/>
                        </a:rPr>
                        <a:t> 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Consultant Clinical Scientist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Microbiology EKHUFT</a:t>
                      </a:r>
                      <a:endParaRPr lang="en-GB" sz="1800" dirty="0"/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80572322"/>
                  </a:ext>
                </a:extLst>
              </a:tr>
              <a:tr h="710085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1410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197" marR="39197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PET ratio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197" marR="39197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Rebecca Mole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Biomedical Scientist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Biochemistry MTW</a:t>
                      </a:r>
                      <a:endParaRPr lang="en-GB" sz="1800"/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2596072183"/>
                  </a:ext>
                </a:extLst>
              </a:tr>
              <a:tr h="712340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1430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197" marR="39197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QFIT Analysis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197" marR="39197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Dave Parris 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Senior Biomedical Scientist</a:t>
                      </a:r>
                    </a:p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Biochemistry MTW</a:t>
                      </a:r>
                      <a:endParaRPr lang="en-GB" sz="1800"/>
                    </a:p>
                  </a:txBody>
                  <a:tcPr marL="38108" marR="38108" marT="5444" marB="0"/>
                </a:tc>
                <a:extLst>
                  <a:ext uri="{0D108BD9-81ED-4DB2-BD59-A6C34878D82A}">
                    <a16:rowId xmlns:a16="http://schemas.microsoft.com/office/drawing/2014/main" val="775036355"/>
                  </a:ext>
                </a:extLst>
              </a:tr>
              <a:tr h="477844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1440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197" marR="39197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GB" sz="1800">
                          <a:effectLst/>
                        </a:rPr>
                        <a:t>Q&amp;As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197" marR="39197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Caroline Fowles</a:t>
                      </a:r>
                    </a:p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GB" sz="1800" dirty="0">
                          <a:effectLst/>
                        </a:rPr>
                        <a:t>Education and Training Coordinator</a:t>
                      </a:r>
                      <a:endParaRPr lang="en-GB" sz="1800" dirty="0"/>
                    </a:p>
                  </a:txBody>
                  <a:tcPr marL="39197" marR="39197" marT="5444" marB="0"/>
                </a:tc>
                <a:extLst>
                  <a:ext uri="{0D108BD9-81ED-4DB2-BD59-A6C34878D82A}">
                    <a16:rowId xmlns:a16="http://schemas.microsoft.com/office/drawing/2014/main" val="161591454"/>
                  </a:ext>
                </a:extLst>
              </a:tr>
              <a:tr h="239369">
                <a:tc>
                  <a:txBody>
                    <a:bodyPr/>
                    <a:lstStyle/>
                    <a:p>
                      <a:pPr>
                        <a:lnSpc>
                          <a:spcPct val="106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>
                          <a:effectLst/>
                        </a:rPr>
                        <a:t>1450</a:t>
                      </a:r>
                      <a:endParaRPr lang="en-GB" sz="1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8108" marR="38108" marT="5444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GB" sz="1800" kern="1200" dirty="0">
                          <a:effectLst/>
                        </a:rPr>
                        <a:t>Conference Closing </a:t>
                      </a:r>
                      <a:endParaRPr lang="en-GB" sz="1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197" marR="39197" marT="5444" marB="0"/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 marL="39197" marR="39197" marT="5444" marB="0"/>
                </a:tc>
                <a:extLst>
                  <a:ext uri="{0D108BD9-81ED-4DB2-BD59-A6C34878D82A}">
                    <a16:rowId xmlns:a16="http://schemas.microsoft.com/office/drawing/2014/main" val="109745790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E439B2-A8E7-4385-B513-CACD96859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3</a:t>
            </a:fld>
            <a:endParaRPr lang="en-GB"/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729C4A35-0836-4292-BCA8-1F6C6A04DD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B03AC862-8E9F-43B8-B5D0-565B2D53DAB5}"/>
              </a:ext>
            </a:extLst>
          </p:cNvPr>
          <p:cNvSpPr/>
          <p:nvPr/>
        </p:nvSpPr>
        <p:spPr>
          <a:xfrm>
            <a:off x="6310538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altLang="en-US" b="1" dirty="0"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75884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83771F-AF5F-4CE9-90A5-C97232456C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81704"/>
            <a:ext cx="10515600" cy="1325563"/>
          </a:xfrm>
        </p:spPr>
        <p:txBody>
          <a:bodyPr/>
          <a:lstStyle/>
          <a:p>
            <a:r>
              <a:rPr lang="en-GB" b="1" dirty="0"/>
              <a:t>Getting the most out of our conferenc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E96024-0320-4DF5-A3BD-095F1C64F4C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4"/>
            <a:ext cx="10515600" cy="4738363"/>
          </a:xfrm>
        </p:spPr>
        <p:txBody>
          <a:bodyPr>
            <a:normAutofit fontScale="85000" lnSpcReduction="10000"/>
          </a:bodyPr>
          <a:lstStyle/>
          <a:p>
            <a:pPr>
              <a:lnSpc>
                <a:spcPct val="110000"/>
              </a:lnSpc>
            </a:pPr>
            <a:r>
              <a:rPr lang="en-GB" sz="3600" dirty="0"/>
              <a:t>Mute mic until you want to ask a question</a:t>
            </a:r>
          </a:p>
          <a:p>
            <a:pPr>
              <a:lnSpc>
                <a:spcPct val="110000"/>
              </a:lnSpc>
            </a:pPr>
            <a:r>
              <a:rPr lang="en-GB" sz="3600" dirty="0"/>
              <a:t>Cameras optional</a:t>
            </a:r>
          </a:p>
          <a:p>
            <a:pPr>
              <a:lnSpc>
                <a:spcPct val="110000"/>
              </a:lnSpc>
            </a:pPr>
            <a:r>
              <a:rPr lang="en-GB" sz="3600" dirty="0"/>
              <a:t>Questions/comments at the end of each presentation in the morning and at the end of the afternoon session</a:t>
            </a:r>
          </a:p>
          <a:p>
            <a:pPr>
              <a:lnSpc>
                <a:spcPct val="110000"/>
              </a:lnSpc>
            </a:pPr>
            <a:r>
              <a:rPr lang="en-GB" sz="3600" dirty="0"/>
              <a:t>Use the hands up icon to ask a question or pop it in the chat</a:t>
            </a:r>
          </a:p>
          <a:p>
            <a:pPr>
              <a:lnSpc>
                <a:spcPct val="110000"/>
              </a:lnSpc>
            </a:pPr>
            <a:r>
              <a:rPr lang="en-GB" sz="3600" dirty="0"/>
              <a:t>Evaluation matters – link in the chat at the end of the event</a:t>
            </a:r>
          </a:p>
          <a:p>
            <a:pPr>
              <a:lnSpc>
                <a:spcPct val="110000"/>
              </a:lnSpc>
            </a:pPr>
            <a:r>
              <a:rPr lang="en-GB" sz="3600" dirty="0"/>
              <a:t>Session is recorded and slides and recording available on HCS network site on NHS Futures</a:t>
            </a:r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E439B2-A8E7-4385-B513-CACD96859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4</a:t>
            </a:fld>
            <a:endParaRPr lang="en-GB"/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729C4A35-0836-4292-BCA8-1F6C6A04DD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B03AC862-8E9F-43B8-B5D0-565B2D53DAB5}"/>
              </a:ext>
            </a:extLst>
          </p:cNvPr>
          <p:cNvSpPr/>
          <p:nvPr/>
        </p:nvSpPr>
        <p:spPr>
          <a:xfrm>
            <a:off x="6310538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altLang="en-US" b="1" dirty="0"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37018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>
            <a:extLst>
              <a:ext uri="{FF2B5EF4-FFF2-40B4-BE49-F238E27FC236}">
                <a16:creationId xmlns:a16="http://schemas.microsoft.com/office/drawing/2014/main" id="{F92CE050-BCB8-49B1-8A69-D4D3663516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4047695"/>
            <a:ext cx="9144000" cy="1655762"/>
          </a:xfrm>
        </p:spPr>
        <p:txBody>
          <a:bodyPr>
            <a:normAutofit lnSpcReduction="10000"/>
          </a:bodyPr>
          <a:lstStyle/>
          <a:p>
            <a:pPr algn="l"/>
            <a:r>
              <a:rPr lang="en-GB" b="1" dirty="0"/>
              <a:t>MENTORING FOR LEADERSHIP</a:t>
            </a:r>
          </a:p>
          <a:p>
            <a:pPr algn="l"/>
            <a:r>
              <a:rPr lang="en-GB" b="1" dirty="0"/>
              <a:t>Amanda Price – Workforce Project Director</a:t>
            </a:r>
          </a:p>
          <a:p>
            <a:pPr algn="l"/>
            <a:r>
              <a:rPr lang="en-GB" b="1" dirty="0"/>
              <a:t>Network Virtual Conference </a:t>
            </a:r>
          </a:p>
          <a:p>
            <a:pPr algn="l"/>
            <a:r>
              <a:rPr lang="en-GB" b="1" dirty="0"/>
              <a:t>November 2</a:t>
            </a:r>
            <a:r>
              <a:rPr lang="en-GB" b="1" baseline="30000" dirty="0"/>
              <a:t>nd</a:t>
            </a:r>
            <a:r>
              <a:rPr lang="en-GB" b="1" dirty="0"/>
              <a:t> 2022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5E95946A-504D-4D68-B568-64282DE9D54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3374" y="189436"/>
            <a:ext cx="2490716" cy="684947"/>
          </a:xfrm>
          <a:prstGeom prst="rect">
            <a:avLst/>
          </a:prstGeom>
        </p:spPr>
      </p:pic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5739417-C7CA-4723-98DC-D211CAF719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4373602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83771F-AF5F-4CE9-90A5-C97232456C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Mentoring – a recap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E96024-0320-4DF5-A3BD-095F1C64F4C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738362"/>
          </a:xfrm>
        </p:spPr>
        <p:txBody>
          <a:bodyPr>
            <a:normAutofit fontScale="85000" lnSpcReduction="20000"/>
          </a:bodyPr>
          <a:lstStyle/>
          <a:p>
            <a:pPr>
              <a:lnSpc>
                <a:spcPct val="110000"/>
              </a:lnSpc>
            </a:pPr>
            <a:r>
              <a:rPr lang="en-GB" dirty="0"/>
              <a:t>Mentors share their experiences of working in a similar field</a:t>
            </a:r>
          </a:p>
          <a:p>
            <a:pPr>
              <a:lnSpc>
                <a:spcPct val="110000"/>
              </a:lnSpc>
            </a:pPr>
            <a:r>
              <a:rPr lang="en-GB" dirty="0"/>
              <a:t>Ongoing relationship that can last for a long time</a:t>
            </a:r>
          </a:p>
          <a:p>
            <a:pPr>
              <a:lnSpc>
                <a:spcPct val="110000"/>
              </a:lnSpc>
            </a:pPr>
            <a:r>
              <a:rPr lang="en-GB" dirty="0"/>
              <a:t>Can be more informal with meetings taking place when the mentee needs some space and time to think, guidance or support</a:t>
            </a:r>
          </a:p>
          <a:p>
            <a:pPr>
              <a:lnSpc>
                <a:spcPct val="110000"/>
              </a:lnSpc>
            </a:pPr>
            <a:r>
              <a:rPr lang="en-GB" dirty="0"/>
              <a:t>Focus on long-term career and personal development</a:t>
            </a:r>
          </a:p>
          <a:p>
            <a:pPr>
              <a:lnSpc>
                <a:spcPct val="110000"/>
              </a:lnSpc>
            </a:pPr>
            <a:r>
              <a:rPr lang="en-GB" dirty="0"/>
              <a:t>The agenda is set by the mentee and takes a broader view of the person</a:t>
            </a:r>
          </a:p>
          <a:p>
            <a:pPr>
              <a:lnSpc>
                <a:spcPct val="110000"/>
              </a:lnSpc>
            </a:pPr>
            <a:r>
              <a:rPr lang="en-GB" dirty="0"/>
              <a:t>The process of mentoring encourages independence, autonomy and self-development</a:t>
            </a:r>
          </a:p>
          <a:p>
            <a:pPr>
              <a:lnSpc>
                <a:spcPct val="110000"/>
              </a:lnSpc>
            </a:pPr>
            <a:r>
              <a:rPr lang="en-GB" dirty="0"/>
              <a:t>Through reflective practice, shared learning and improved ownership for solution-focused thinking, mentoring can deliver improvements in an individual’s performance </a:t>
            </a:r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E439B2-A8E7-4385-B513-CACD96859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6</a:t>
            </a:fld>
            <a:endParaRPr lang="en-GB"/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729C4A35-0836-4292-BCA8-1F6C6A04DD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B03AC862-8E9F-43B8-B5D0-565B2D53DAB5}"/>
              </a:ext>
            </a:extLst>
          </p:cNvPr>
          <p:cNvSpPr/>
          <p:nvPr/>
        </p:nvSpPr>
        <p:spPr>
          <a:xfrm>
            <a:off x="6310538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altLang="en-US" b="1" dirty="0"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891219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83771F-AF5F-4CE9-90A5-C97232456C6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/>
              <a:t>Mentoring offers</a:t>
            </a:r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53290BA9-84F1-4D5C-9658-524079C47E0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197651814"/>
              </p:ext>
            </p:extLst>
          </p:nvPr>
        </p:nvGraphicFramePr>
        <p:xfrm>
          <a:off x="838200" y="1761800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E439B2-A8E7-4385-B513-CACD96859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7</a:t>
            </a:fld>
            <a:endParaRPr lang="en-GB"/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729C4A35-0836-4292-BCA8-1F6C6A04DD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B03AC862-8E9F-43B8-B5D0-565B2D53DAB5}"/>
              </a:ext>
            </a:extLst>
          </p:cNvPr>
          <p:cNvSpPr/>
          <p:nvPr/>
        </p:nvSpPr>
        <p:spPr>
          <a:xfrm>
            <a:off x="6310538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altLang="en-US" b="1" dirty="0"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1783027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83771F-AF5F-4CE9-90A5-C97232456C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700413"/>
            <a:ext cx="10515600" cy="1325563"/>
          </a:xfrm>
        </p:spPr>
        <p:txBody>
          <a:bodyPr/>
          <a:lstStyle/>
          <a:p>
            <a:r>
              <a:rPr lang="en-GB" b="1" dirty="0"/>
              <a:t>Pathology Network Workforce Workshop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E96024-0320-4DF5-A3BD-095F1C64F4C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marL="0" indent="0">
              <a:buNone/>
            </a:pPr>
            <a:endParaRPr lang="en-GB" dirty="0">
              <a:hlinkClick r:id="rId2"/>
            </a:endParaRPr>
          </a:p>
          <a:p>
            <a:r>
              <a:rPr lang="en-GB" dirty="0"/>
              <a:t>Leadership development through </a:t>
            </a:r>
          </a:p>
          <a:p>
            <a:pPr marL="0" indent="0">
              <a:buNone/>
            </a:pPr>
            <a:r>
              <a:rPr lang="en-GB" dirty="0"/>
              <a:t>involvement in network projects</a:t>
            </a:r>
          </a:p>
          <a:p>
            <a:pPr marL="0" indent="0">
              <a:buNone/>
            </a:pPr>
            <a:endParaRPr lang="en-GB" dirty="0"/>
          </a:p>
          <a:p>
            <a:r>
              <a:rPr lang="en-GB" dirty="0"/>
              <a:t>Mentoring as a development </a:t>
            </a:r>
          </a:p>
          <a:p>
            <a:pPr marL="0" indent="0">
              <a:buNone/>
            </a:pPr>
            <a:r>
              <a:rPr lang="en-GB" dirty="0"/>
              <a:t>opportunity for staff at all levels – </a:t>
            </a:r>
          </a:p>
          <a:p>
            <a:pPr marL="0" indent="0">
              <a:buNone/>
            </a:pPr>
            <a:r>
              <a:rPr lang="en-GB" dirty="0"/>
              <a:t>	-leadership</a:t>
            </a:r>
          </a:p>
          <a:p>
            <a:pPr marL="0" indent="0">
              <a:buNone/>
            </a:pPr>
            <a:r>
              <a:rPr lang="en-GB" dirty="0"/>
              <a:t>	-career development</a:t>
            </a:r>
          </a:p>
          <a:p>
            <a:pPr marL="0" indent="0">
              <a:buNone/>
            </a:pPr>
            <a:r>
              <a:rPr lang="en-GB" dirty="0"/>
              <a:t>	-scientific/clinical</a:t>
            </a:r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E439B2-A8E7-4385-B513-CACD968595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8</a:t>
            </a:fld>
            <a:endParaRPr lang="en-GB"/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729C4A35-0836-4292-BCA8-1F6C6A04DD7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B03AC862-8E9F-43B8-B5D0-565B2D53DAB5}"/>
              </a:ext>
            </a:extLst>
          </p:cNvPr>
          <p:cNvSpPr/>
          <p:nvPr/>
        </p:nvSpPr>
        <p:spPr>
          <a:xfrm>
            <a:off x="6310538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altLang="en-US" b="1" dirty="0"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06A6D957-0889-47E5-A348-EC7AF75C809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270890" y="1825625"/>
            <a:ext cx="5712004" cy="38098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569266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235A46-802E-4B7C-B3F1-1A028B1341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497213"/>
            <a:ext cx="10515600" cy="1325563"/>
          </a:xfrm>
        </p:spPr>
        <p:txBody>
          <a:bodyPr/>
          <a:lstStyle/>
          <a:p>
            <a:r>
              <a:rPr lang="en-GB" b="1" dirty="0"/>
              <a:t>What is Reciprocal Mentoring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5361300-D333-4A81-AD4C-1E5721D1807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3139" y="1442852"/>
            <a:ext cx="10515600" cy="4826635"/>
          </a:xfrm>
        </p:spPr>
        <p:txBody>
          <a:bodyPr>
            <a:normAutofit fontScale="70000" lnSpcReduction="20000"/>
          </a:bodyPr>
          <a:lstStyle/>
          <a:p>
            <a:pPr marL="0" indent="0">
              <a:buNone/>
            </a:pPr>
            <a:endParaRPr lang="en-GB" dirty="0"/>
          </a:p>
          <a:p>
            <a:pPr fontAlgn="base">
              <a:lnSpc>
                <a:spcPct val="120000"/>
              </a:lnSpc>
            </a:pPr>
            <a:r>
              <a:rPr lang="en-GB" dirty="0"/>
              <a:t>Mutually beneficial mentoring partnership with formal support, training and facilitation. </a:t>
            </a:r>
          </a:p>
          <a:p>
            <a:pPr fontAlgn="base">
              <a:lnSpc>
                <a:spcPct val="120000"/>
              </a:lnSpc>
            </a:pPr>
            <a:r>
              <a:rPr lang="en-GB" dirty="0"/>
              <a:t>Opportunity to self-direct the content of their mentoring sessions to make it as relevant and meaningful as possible.</a:t>
            </a:r>
          </a:p>
          <a:p>
            <a:pPr>
              <a:lnSpc>
                <a:spcPct val="120000"/>
              </a:lnSpc>
            </a:pPr>
            <a:endParaRPr lang="en-GB" b="1" dirty="0"/>
          </a:p>
          <a:p>
            <a:pPr marL="0" indent="0">
              <a:lnSpc>
                <a:spcPct val="120000"/>
              </a:lnSpc>
              <a:buNone/>
            </a:pPr>
            <a:r>
              <a:rPr lang="en-GB" b="1" dirty="0"/>
              <a:t>Benefits for the mentees:</a:t>
            </a:r>
            <a:endParaRPr lang="en-GB" dirty="0"/>
          </a:p>
          <a:p>
            <a:pPr lvl="0">
              <a:lnSpc>
                <a:spcPct val="120000"/>
              </a:lnSpc>
            </a:pPr>
            <a:r>
              <a:rPr lang="en-GB" dirty="0"/>
              <a:t>Building a partnership with someone at a senior level</a:t>
            </a:r>
          </a:p>
          <a:p>
            <a:pPr lvl="0">
              <a:lnSpc>
                <a:spcPct val="120000"/>
              </a:lnSpc>
            </a:pPr>
            <a:r>
              <a:rPr lang="en-GB" dirty="0"/>
              <a:t>Opportunity to tap into the experience of their mentor</a:t>
            </a:r>
          </a:p>
          <a:p>
            <a:pPr lvl="0">
              <a:lnSpc>
                <a:spcPct val="120000"/>
              </a:lnSpc>
            </a:pPr>
            <a:r>
              <a:rPr lang="en-GB" dirty="0"/>
              <a:t>Insight into senior level activities and the ways in which leaders make decisions</a:t>
            </a:r>
          </a:p>
          <a:p>
            <a:pPr lvl="0">
              <a:lnSpc>
                <a:spcPct val="120000"/>
              </a:lnSpc>
            </a:pPr>
            <a:r>
              <a:rPr lang="en-GB" dirty="0"/>
              <a:t>Greater awareness of self and organisational systems through the relationship that is formed</a:t>
            </a:r>
          </a:p>
          <a:p>
            <a:pPr>
              <a:lnSpc>
                <a:spcPct val="120000"/>
              </a:lnSpc>
            </a:pPr>
            <a:r>
              <a:rPr lang="en-GB" dirty="0"/>
              <a:t>Confidence in talking to and challenging peers</a:t>
            </a:r>
          </a:p>
          <a:p>
            <a:pPr fontAlgn="base"/>
            <a:endParaRPr lang="en-GB" dirty="0"/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252585-90DB-4353-8422-0CA4DFF66A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0171FC-4578-486B-8E62-99A67BFBCB82}" type="slidenum">
              <a:rPr lang="en-GB" smtClean="0"/>
              <a:t>9</a:t>
            </a:fld>
            <a:endParaRPr lang="en-GB"/>
          </a:p>
        </p:txBody>
      </p:sp>
      <p:pic>
        <p:nvPicPr>
          <p:cNvPr id="5" name="Picture 2" descr="NHS logo for A4 10mm - RGB Blue">
            <a:extLst>
              <a:ext uri="{FF2B5EF4-FFF2-40B4-BE49-F238E27FC236}">
                <a16:creationId xmlns:a16="http://schemas.microsoft.com/office/drawing/2014/main" id="{2E43EF93-8143-4CDC-9307-851864BD5E0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8320" y="294013"/>
            <a:ext cx="1006475" cy="40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D9EC0E86-2352-4B45-A595-FA6C4FFBEB7F}"/>
              </a:ext>
            </a:extLst>
          </p:cNvPr>
          <p:cNvSpPr/>
          <p:nvPr/>
        </p:nvSpPr>
        <p:spPr>
          <a:xfrm>
            <a:off x="6320063" y="294013"/>
            <a:ext cx="43524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altLang="en-US" b="1" dirty="0">
                <a:latin typeface="Arial" pitchFamily="34" charset="0"/>
                <a:ea typeface="Calibri" pitchFamily="34" charset="0"/>
                <a:cs typeface="Arial" pitchFamily="34" charset="0"/>
              </a:rPr>
              <a:t>Kent and Medway Pathology Network 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299705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3LTI4VDAwOjAwOjAwWiIsIkVuZERhdGUiOiIyMDIyLTExLTA0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y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mYWxz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yZWYiOiI3MCJ9fSwiSXNWaXNpYmxlIjp0cnVlLCJXaWR0aCI6MC4wLCJIZWlnaHQiOjAuMCwiQm9yZGVyU3R5bGUiOnsiJGlkIjoiMTA5IiwiTGluZUNvbG9yIjpudWxsLCJMaW5lV2VpZ2h0IjowLjAsIkxpbmVUeXBlIjowLCJQYXJlbnRTdHlsZSI6bnVsbH0sIlBhcmVudFN0eWxlIjpudWxsfSwiRGF0ZUZvcm1hdCI6eyIkaWQiOiIx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jEiLCJUb3AiOjAuMCwiTGVmdCI6MC4wLCJSaWdodCI6MC4wLCJCb3R0b20iOjAuMH0sIlBhZGRpbmciOnsiJGlkIjoiMTYyIiwiVG9wIjowLjAsIkxlZnQiOjAuMCwiUmlnaHQiOjAuMCwiQm90dG9tIjowLjB9LCJCYWNrZ3JvdW5kIjp7IiRpZCI6IjE2MyIsIkNvbG9yIjp7IiRyZWYiOiIxMjUifX0sIklzVmlzaWJsZSI6dHJ1ZSwiV2lkdGgiOjAuMCwiSGVpZ2h0IjowLjAsIkJvcmRlclN0eWxlIjp7IiRpZCI6IjE2NCIsIkxpbmVDb2xvciI6bnVsbCwiTGluZVdlaWdodCI6MC4wLCJMaW5lVHlwZSI6MCwiUGFyZW50U3R5bGUiOm51bGx9LCJQYXJlbnRTdHlsZSI6bnVsbH0sIkRhdGVGb3JtYXQiOnsiJGlkIjoiMT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E2IiwiVG9wIjowLjAsIkxlZnQiOjAuMCwiUmlnaHQiOjAuMCwiQm90dG9tIjowLjB9LCJQYWRkaW5nIjp7IiRpZCI6IjIxNyIsIlRvcCI6MC4wLCJMZWZ0IjowLjAsIlJpZ2h0IjowLjAsIkJvdHRvbSI6MC4wfSwiQmFja2dyb3VuZCI6eyIkaWQiOiIyMTgiLCJDb2xvciI6eyIkcmVmIjoiMTgwIn19LCJJc1Zpc2libGUiOnRydWUsIldpZHRoIjowLjAsIkhlaWdodCI6MC4wLCJCb3JkZXJTdHlsZSI6eyIkaWQiOiIyMTkiLCJMaW5lQ29sb3IiOm51bGwsIkxpbmVXZWlnaHQiOjAuMCwiTGluZVR5cGUiOjAsIlBhcmVudFN0eWxlIjpudWxsfSwiUGFyZW50U3R5bGUiOm51bGx9LCJEYXRlRm9ybWF0Ijp7IiRpZCI6IjI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zMCIsIlRvcCI6MC4wLCJMZWZ0IjowLjAsIlJpZ2h0IjowLjAsIkJvdHRvbSI6MC4wfSwiUGFkZGluZyI6eyIkaWQiOiIzMzEiLCJUb3AiOjAuMCwiTGVmdCI6MC4wLCJSaWdodCI6MC4wLCJCb3R0b20iOjAuMH0sIkJhY2tncm91bmQiOnsiJGlkIjoiMzMyIiwiQ29sb3IiOnsiJHJlZiI6IjI5NCJ9fSwiSXNWaXNpYmxlIjp0cnVlLCJXaWR0aCI6MC4wLCJIZWlnaHQiOjAuMCwiQm9yZGVyU3R5bGUiOnsiJGlkIjoiMzMzIiwiTGluZUNvbG9yIjpudWxsLCJMaW5lV2VpZ2h0IjowLjAsIkxpbmVUeXBlIjowLCJQYXJlbnRTdHlsZSI6bnVsbH0sIlBhcmVudFN0eWxlIjpudWxsfSwiRGF0ZUZvcm1hdCI6eyIkaWQiOiIzM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4NSIsIlRvcCI6MC4wLCJMZWZ0IjowLjAsIlJpZ2h0IjowLjAsIkJvdHRvbSI6MC4wfSwiUGFkZGluZyI6eyIkaWQiOiIzODYiLCJUb3AiOjAuMCwiTGVmdCI6MC4wLCJSaWdodCI6MC4wLCJCb3R0b20iOjAuMH0sIkJhY2tncm91bmQiOnsiJGlkIjoiMzg3IiwiQ29sb3IiOnsiJHJlZiI6IjM0OSJ9fSwiSXNWaXNpYmxlIjp0cnVlLCJXaWR0aCI6MC4wLCJIZWlnaHQiOjAuMCwiQm9yZGVyU3R5bGUiOnsiJGlkIjoiMzg4IiwiTGluZUNvbG9yIjpudWxsLCJMaW5lV2VpZ2h0IjowLjAsIkxpbmVUeXBlIjowLCJQYXJlbnRTdHlsZSI6bnVsbH0sIlBhcmVudFN0eWxlIjpudWxsfSwiRGF0ZUZvcm1hdCI6eyIkaWQiOiIz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nsiJGlkIjoiNDA1IiwiTGluZUNvbG9yIjpudWxsLCJMaW5lV2VpZ2h0IjowLjAsIkxpbmVUeXBlIjowLCJQYXJlbnRTdHlsZSI6bnVsbH0sIlBhcmVudFN0eWxlIjpudWxsfSwiRHVyYXRpb25TdHlsZSI6eyIkaWQiOiI0MDYiLCJGb250U2V0dGluZ3MiOnsiJGlkIjoiNDA3IiwiRm9udFNpemUiOjEwLCJGb250TmFtZSI6IkNhbGlicmkiLCJJc0JvbGQiOmZhbHNlLCJJc0l0YWxpYyI6ZmFsc2UsIklzVW5kZXJsaW5lZCI6ZmFsc2UsIlBhcmVudFN0eWxlIjpudWxsfSwiQXV0b1NpemUiOjIsIkZvcmVncm91bmQiOnsiJGlkIjoiNDA4IiwiQ29sb3IiOnsiJGlkIjoiNDA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QwIiwiVG9wIjowLjAsIkxlZnQiOjAuMCwiUmlnaHQiOjAuMCwiQm90dG9tIjowLjB9LCJQYWRkaW5nIjp7IiRpZCI6IjQ0MSIsIlRvcCI6MC4wLCJMZWZ0IjowLjAsIlJpZ2h0IjowLjAsIkJvdHRvbSI6MC4wfSwiQmFja2dyb3VuZCI6eyIkaWQiOiI0NDIiLCJDb2xvciI6eyIkcmVmIjoiNDA0In19LCJJc1Zpc2libGUiOnRydWUsIldpZHRoIjowLjAsIkhlaWdodCI6MC4wLCJCb3JkZXJTdHlsZSI6eyIkaWQiOiI0NDMiLCJMaW5lQ29sb3IiOm51bGwsIkxpbmVXZWlnaHQiOjAuMCwiTGluZVR5cGUiOjAsIlBhcmVudFN0eWxlIjpudWxsfSwiUGFyZW50U3R5bGUiOm51bGx9LCJEYXRlRm9ybWF0Ijp7IiRpZCI6IjQ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5NSIsIlRvcCI6MC4wLCJMZWZ0IjowLjAsIlJpZ2h0IjowLjAsIkJvdHRvbSI6MC4wfSwiUGFkZGluZyI6eyIkaWQiOiI0OTYiLCJUb3AiOjAuMCwiTGVmdCI6MC4wLCJSaWdodCI6MC4wLCJCb3R0b20iOjAuMH0sIkJhY2tncm91bmQiOnsiJGlkIjoiNDk3IiwiQ29sb3IiOnsiJHJlZiI6IjQ1OSJ9fSwiSXNWaXNpYmxlIjp0cnVlLCJXaWR0aCI6MC4wLCJIZWlnaHQiOjAuMCwiQm9yZGVyU3R5bGUiOnsiJGlkIjoiNDk4IiwiTGluZUNvbG9yIjpudWxsLCJMaW5lV2VpZ2h0IjowLjAsIkxpbmVUeXBlIjowLCJQYXJlbnRTdHlsZSI6bnVsbH0sIlBhcmVudFN0eWxlIjpudWxsfSwiRGF0ZUZvcm1hdCI6eyIkaWQiOiI0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1MCIsIlRvcCI6MC4wLCJMZWZ0IjowLjAsIlJpZ2h0IjowLjAsIkJvdHRvbSI6MC4wfSwiUGFkZGluZyI6eyIkaWQiOiI1NTEiLCJUb3AiOjAuMCwiTGVmdCI6MC4wLCJSaWdodCI6MC4wLCJCb3R0b20iOjAuMH0sIkJhY2tncm91bmQiOnsiJGlkIjoiNTUyIiwiQ29sb3IiOnsiJHJlZiI6IjUxNCJ9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HJlZiI6IjU2OSJ9fSwiSXNWaXNpYmxlIjp0cnVlLCJXaWR0aCI6MC4wLCJIZWlnaHQiOjAuMCwiQm9yZGVyU3R5bGUiOnsiJGlkIjoiNjA4IiwiTGluZUNvbG9yIjpudWxsLCJMaW5lV2VpZ2h0IjowLjAsIkxpbmVUeXBlIjowLCJQYXJlbnRTdHlsZSI6bnVsbH0sIlBhcmVudFN0eWxlIjpudWxsfSwiRGF0ZUZvcm1hdCI6eyIkaWQiOiI2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HJlZiI6IjYyNCJ9fSwiSXNWaXNpYmxlIjp0cnVlLCJXaWR0aCI6MC4wLCJIZWlnaHQiOjAuMCwiQm9yZGVyU3R5bGUiOnsiJGlkIjoiNjYzIiwiTGluZUNvbG9yIjpudWxsLCJMaW5lV2VpZ2h0IjowLjAsIkxpbmVUeXBlIjowLCJQYXJlbnRTdHlsZSI6bnVsbH0sIlBhcmVudFN0eWxlIjpudWxsfSwiRGF0ZUZvcm1hdCI6eyIkaWQiOiI2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NzQiLCJUb3AiOjAuMCwiTGVmdCI6MC4wLCJSaWdodCI6MC4wLCJCb3R0b20iOjAuMH0sIlBhZGRpbmciOnsiJGlkIjoiNzc1IiwiVG9wIjowLjAsIkxlZnQiOjAuMCwiUmlnaHQiOjAuMCwiQm90dG9tIjowLjB9LCJCYWNrZ3JvdW5kIjp7IiRpZCI6Ijc3NiIsIkNvbG9yIjp7IiRyZWYiOiI3MzgifX0sIklzVmlzaWJsZSI6dHJ1ZSwiV2lkdGgiOjAuMCwiSGVpZ2h0IjowLjAsIkJvcmRlclN0eWxlIjp7IiRpZCI6Ijc3NyIsIkxpbmVDb2xvciI6bnVsbCwiTGluZVdlaWdodCI6MC4wLCJMaW5lVHlwZSI6MCwiUGFyZW50U3R5bGUiOm51bGx9LCJQYXJlbnRTdHlsZSI6bnVsbH0sIkRhdGVGb3JtYXQiOnsiJGlkIjoiNz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yOSIsIlRvcCI6MC4wLCJMZWZ0IjowLjAsIlJpZ2h0IjowLjAsIkJvdHRvbSI6MC4wfSwiUGFkZGluZyI6eyIkaWQiOiI4MzAiLCJUb3AiOjAuMCwiTGVmdCI6MC4wLCJSaWdodCI6MC4wLCJCb3R0b20iOjAuMH0sIkJhY2tncm91bmQiOnsiJGlkIjoiODMxIiwiQ29sb3IiOnsiJHJlZiI6Ijc5MyJ9fSwiSXNWaXNpYmxlIjp0cnVlLCJXaWR0aCI6MC4wLCJIZWlnaHQiOjAuMCwiQm9yZGVyU3R5bGUiOnsiJGlkIjoiODMyIiwiTGluZUNvbG9yIjpudWxsLCJMaW5lV2VpZ2h0IjowLjAsIkxpbmVUeXBlIjowLCJQYXJlbnRTdHlsZSI6bnVsbH0sIlBhcmVudFN0eWxlIjpudWxsfSwiRGF0ZUZvcm1hdCI6eyIkaWQiOiI4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ODQiLCJUb3AiOjAuMCwiTGVmdCI6MC4wLCJSaWdodCI6MC4wLCJCb3R0b20iOjAuMH0sIlBhZGRpbmciOnsiJGlkIjoiODg1IiwiVG9wIjowLjAsIkxlZnQiOjAuMCwiUmlnaHQiOjAuMCwiQm90dG9tIjowLjB9LCJCYWNrZ3JvdW5kIjp7IiRpZCI6Ijg4NiIsIkNvbG9yIjp7IiRyZWYiOiI4NDgifX0sIklzVmlzaWJsZSI6dHJ1ZSwiV2lkdGgiOjAuMCwiSGVpZ2h0IjowLjAsIkJvcmRlclN0eWxlIjp7IiRpZCI6Ijg4NyIsIkxpbmVDb2xvciI6bnVsbCwiTGluZVdlaWdodCI6MC4wLCJMaW5lVHlwZSI6MCwiUGFyZW50U3R5bGUiOm51bGx9LCJQYXJlbnRTdHlsZSI6bnVsbH0sIkRhdGVGb3JtYXQiOnsiJGlkIjoiOD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M5IiwiVG9wIjowLjAsIkxlZnQiOjAuMCwiUmlnaHQiOjAuMCwiQm90dG9tIjowLjB9LCJQYWRkaW5nIjp7IiRpZCI6Ijk0MCIsIlRvcCI6MC4wLCJMZWZ0IjowLjAsIlJpZ2h0IjowLjAsIkJvdHRvbSI6MC4wfSwiQmFja2dyb3VuZCI6eyIkaWQiOiI5NDEiLCJDb2xvciI6eyIkcmVmIjoiOTAzIn19LCJJc1Zpc2libGUiOnRydWUsIldpZHRoIjowLjAsIkhlaWdodCI6MC4wLCJCb3JkZXJTdHlsZSI6eyIkaWQiOiI5NDIiLCJMaW5lQ29sb3IiOm51bGwsIkxpbmVXZWlnaHQiOjAuMCwiTGluZVR5cGUiOjAsIlBhcmVudFN0eWxlIjpudWxsfSwiUGFyZW50U3R5bGUiOm51bGx9LCJEYXRlRm9ybWF0Ijp7IiRpZCI6Ijk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OTQiLCJUb3AiOjAuMCwiTGVmdCI6MC4wLCJSaWdodCI6MC4wLCJCb3R0b20iOjAuMH0sIlBhZGRpbmciOnsiJGlkIjoiOTk1IiwiVG9wIjowLjAsIkxlZnQiOjAuMCwiUmlnaHQiOjAuMCwiQm90dG9tIjowLjB9LCJCYWNrZ3JvdW5kIjp7IiRpZCI6Ijk5NiIsIkNvbG9yIjp7IiRyZWYiOiI5NTgifX0sIklzVmlzaWJsZSI6dHJ1ZSwiV2lkdGgiOjAuMCwiSGVpZ2h0IjowLjAsIkJvcmRlclN0eWxlIjp7IiRpZCI6Ijk5NyIsIkxpbmVDb2xvciI6bnVsbCwiTGluZVdlaWdodCI6MC4wLCJMaW5lVHlwZSI6MCwiUGFyZW50U3R5bGUiOm51bGx9LCJQYXJlbnRTdHlsZSI6bnVsbH0sIkRhdGVGb3JtYXQiOnsiJGlkIjoiOT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xMDgiLCJUb3AiOjAuMCwiTGVmdCI6MC4wLCJSaWdodCI6MC4wLCJCb3R0b20iOjAuMH0sIlBhZGRpbmciOnsiJGlkIjoiMTEwOSIsIlRvcCI6MC4wLCJMZWZ0IjowLjAsIlJpZ2h0IjowLjAsIkJvdHRvbSI6MC4wfSwiQmFja2dyb3VuZCI6eyIkaWQiOiIxMTEwIiwiQ29sb3IiOnsiJHJlZiI6IjEwNzIifX0sIklzVmlzaWJsZSI6dHJ1ZSwiV2lkdGgiOjAuMCwiSGVpZ2h0IjowLjAsIkJvcmRlclN0eWxlIjp7IiRpZCI6IjExMTEiLCJMaW5lQ29sb3IiOm51bGwsIkxpbmVXZWlnaHQiOjAuMCwiTGluZVR5cGUiOjAsIlBhcmVudFN0eWxlIjpudWxsfSwiUGFyZW50U3R5bGUiOm51bGx9LCJEYXRlRm9ybWF0Ijp7IiRpZCI6IjEx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E2MyIsIlRvcCI6MC4wLCJMZWZ0IjowLjAsIlJpZ2h0IjowLjAsIkJvdHRvbSI6MC4wfSwiUGFkZGluZyI6eyIkaWQiOiIxMTY0IiwiVG9wIjowLjAsIkxlZnQiOjAuMCwiUmlnaHQiOjAuMCwiQm90dG9tIjowLjB9LCJCYWNrZ3JvdW5kIjp7IiRpZCI6IjExNjUiLCJDb2xvciI6eyIkcmVmIjoiMTEyNyJ9fSwiSXNWaXNpYmxlIjp0cnVlLCJXaWR0aCI6MC4wLCJIZWlnaHQiOjAuMCwiQm9yZGVyU3R5bGUiOnsiJGlkIjoiMTE2NiIsIkxpbmVDb2xvciI6bnVsbCwiTGluZVdlaWdodCI6MC4wLCJMaW5lVHlwZSI6MCwiUGFyZW50U3R5bGUiOm51bGx9LCJQYXJlbnRTdHlsZSI6bnVsbH0sIkRhdGVGb3JtYXQiOnsiJGlkIjoiMTE2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M3IiwiVG9wIjowLjAsIkxlZnQiOjAuMCwiUmlnaHQiOjAuMCwiQm90dG9tIjowLjB9LCJQYWRkaW5nIjp7IiRpZCI6IjEzMzgiLCJUb3AiOjAuMCwiTGVmdCI6MC4wLCJSaWdodCI6MC4wLCJCb3R0b20iOjAuMH0sIkJhY2tncm91bmQiOnsiJGlkIjoiMTMzOSIsIkNvbG9yIjp7IiRyZWYiOiIxMjYyIn19LCJJc1Zpc2libGUiOnRydWUsIldpZHRoIjowLjAsIkhlaWdodCI6MC4wLCJCb3JkZXJTdHlsZSI6bnVsbCwiUGFyZW50U3R5bGUiOm51bGx9LCJEYXRlRm9ybWF0Ijp7IiRpZCI6IjEz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M4MiIsIlRvcCI6MC4wLCJMZWZ0IjowLjAsIlJpZ2h0IjowLjAsIkJvdHRvbSI6MC4wfSwiUGFkZGluZyI6eyIkaWQiOiIxMzgzIiwiVG9wIjowLjAsIkxlZnQiOjAuMCwiUmlnaHQiOjAuMCwiQm90dG9tIjowLjB9LCJCYWNrZ3JvdW5kIjp7IiRpZCI6IjEzODQiLCJDb2xvciI6eyIkcmVmIjoiMTI2MiJ9fSwiSXNWaXNpYmxlIjp0cnVlLCJXaWR0aCI6MC4wLCJIZWlnaHQiOjAuMCwiQm9yZGVyU3R5bGUiOm51bGwsIlBhcmVudFN0eWxlIjpudWxsfSwiRGF0ZUZvcm1hdCI6eyIkaWQiOiIxMz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DYiLCJGb3JtYXQiOjAsIklzVmlzaWJsZSI6ZmFsc2UsIkxhc3RLbm93blZpc2liaWxpdHlTdGF0ZSI6ZmFsc2V9LCJJc1Zpc2libGUiOnRydWUsIlBhcmVudFN0eWxlIjpudWxsLCJfZXhwbGljaXRseVNldCI6eyIkaWQiOiIxMzg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xNDExIiwiSW1wYU9wdGlvbnMiOnsiJGlkIjoiMTQx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0cnVlLCJJbXBvcnRUeXBlIjo0LCJGaWxlUGF0aCI6IkM6XFxVc2Vyc1xcY2hyaXMuc3RpZmZcXERlc2t0b3BcXDIyMDkyM19NRVMgb3ZlcnZpZXcgdGFibGUueGxzeCIsIlRpbWVDb25maWd1cmF0aW9uIjp7IiRpZCI6IjE0MTM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K&amp;M STP">
      <a:dk1>
        <a:srgbClr val="231F20"/>
      </a:dk1>
      <a:lt1>
        <a:sysClr val="window" lastClr="FFFFFF"/>
      </a:lt1>
      <a:dk2>
        <a:srgbClr val="231F20"/>
      </a:dk2>
      <a:lt2>
        <a:srgbClr val="FFFFFF"/>
      </a:lt2>
      <a:accent1>
        <a:srgbClr val="330072"/>
      </a:accent1>
      <a:accent2>
        <a:srgbClr val="AE2573"/>
      </a:accent2>
      <a:accent3>
        <a:srgbClr val="00A499"/>
      </a:accent3>
      <a:accent4>
        <a:srgbClr val="005EB8"/>
      </a:accent4>
      <a:accent5>
        <a:srgbClr val="768692"/>
      </a:accent5>
      <a:accent6>
        <a:srgbClr val="FFFFFF"/>
      </a:accent6>
      <a:hlink>
        <a:srgbClr val="0072C6"/>
      </a:hlink>
      <a:folHlink>
        <a:srgbClr val="3300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esentation2" id="{B0B0277D-EF60-4AEE-BA4B-6E2E3CC3D8C3}" vid="{58620CB6-4668-4888-A457-302E1463A44B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951</TotalTime>
  <Words>1525</Words>
  <Application>Microsoft Office PowerPoint</Application>
  <PresentationFormat>Widescreen</PresentationFormat>
  <Paragraphs>311</Paragraphs>
  <Slides>2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5</vt:i4>
      </vt:variant>
    </vt:vector>
  </HeadingPairs>
  <TitlesOfParts>
    <vt:vector size="34" baseType="lpstr">
      <vt:lpstr>Arial</vt:lpstr>
      <vt:lpstr>Calibri</vt:lpstr>
      <vt:lpstr>Calibri Light</vt:lpstr>
      <vt:lpstr>Courier New</vt:lpstr>
      <vt:lpstr>Symbol</vt:lpstr>
      <vt:lpstr>Times New Roman</vt:lpstr>
      <vt:lpstr>Wingdings</vt:lpstr>
      <vt:lpstr>Office Theme</vt:lpstr>
      <vt:lpstr>1_Office Theme</vt:lpstr>
      <vt:lpstr>PowerPoint Presentation</vt:lpstr>
      <vt:lpstr>Conference Programme – morning session</vt:lpstr>
      <vt:lpstr>Conference Programme – afternoon session</vt:lpstr>
      <vt:lpstr>Getting the most out of our conference</vt:lpstr>
      <vt:lpstr>PowerPoint Presentation</vt:lpstr>
      <vt:lpstr>Mentoring – a recap</vt:lpstr>
      <vt:lpstr>Mentoring offers</vt:lpstr>
      <vt:lpstr>Pathology Network Workforce Workshop </vt:lpstr>
      <vt:lpstr>What is Reciprocal Mentoring?</vt:lpstr>
      <vt:lpstr>What is Reciprocal Mentoring?</vt:lpstr>
      <vt:lpstr>Personal Stories</vt:lpstr>
      <vt:lpstr>Proposed KMPN mentoring programme</vt:lpstr>
      <vt:lpstr>PowerPoint Presentation</vt:lpstr>
      <vt:lpstr>PowerPoint Presentation</vt:lpstr>
      <vt:lpstr>ROADSHOW DATES</vt:lpstr>
      <vt:lpstr>Why is a formal pathology network important for  Kent and Medway?</vt:lpstr>
      <vt:lpstr>PowerPoint Presentation</vt:lpstr>
      <vt:lpstr>Milestones by March 2023</vt:lpstr>
      <vt:lpstr>Milestones by March 2023</vt:lpstr>
      <vt:lpstr>The 7 Domains that characterise a Pathology Network are:</vt:lpstr>
      <vt:lpstr>NHSE Maturity Index</vt:lpstr>
      <vt:lpstr>Our Developing Vision – what should this be</vt:lpstr>
      <vt:lpstr> Our Values and Behaviours </vt:lpstr>
      <vt:lpstr>Communication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Kent and Medway  Pathology Network</dc:title>
  <dc:creator>Amanda PRICE</dc:creator>
  <cp:lastModifiedBy>Amanda PRICE</cp:lastModifiedBy>
  <cp:revision>74</cp:revision>
  <dcterms:created xsi:type="dcterms:W3CDTF">2022-05-30T12:54:49Z</dcterms:created>
  <dcterms:modified xsi:type="dcterms:W3CDTF">2022-11-01T17:30:44Z</dcterms:modified>
</cp:coreProperties>
</file>